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3029"/>
  <workbookPr/>
  <mc:AlternateContent xmlns:mc="http://schemas.openxmlformats.org/markup-compatibility/2006">
    <mc:Choice Requires="x15">
      <x15ac:absPath xmlns:x15ac="http://schemas.microsoft.com/office/spreadsheetml/2010/11/ac" url="C:\Users\i41681\OneDriveSelf\03_Platform\START\start7.4\"/>
    </mc:Choice>
  </mc:AlternateContent>
  <xr:revisionPtr revIDLastSave="0" documentId="13_ncr:1_{DEEC0C01-B75D-4209-AF10-0D599DEDF448}" xr6:coauthVersionLast="45" xr6:coauthVersionMax="45" xr10:uidLastSave="{00000000-0000-0000-0000-000000000000}"/>
  <bookViews>
    <workbookView xWindow="-120" yWindow="-120" windowWidth="29040" windowHeight="15840" tabRatio="741" xr2:uid="{00000000-000D-0000-FFFF-FFFF00000000}"/>
  </bookViews>
  <sheets>
    <sheet name="Introduction" sheetId="9" r:id="rId1"/>
    <sheet name="QTouch-Start-Supported-Devices" sheetId="3" r:id="rId2"/>
    <sheet name="Sheet4" sheetId="8" state="hidden" r:id="rId3"/>
    <sheet name="PTC Information" sheetId="4" r:id="rId4"/>
    <sheet name="Device Pin Capacitance" sheetId="12" r:id="rId5"/>
    <sheet name="QTouch Kits" sheetId="14" r:id="rId6"/>
    <sheet name="KitExampleProjects" sheetId="5" r:id="rId7"/>
    <sheet name="QTx-XPRO Pin Compatibility" sheetId="13" r:id="rId8"/>
    <sheet name="CNANO-Xpro Pin Compatibility" sheetId="23" r:id="rId9"/>
    <sheet name="Modules Change Log" sheetId="6" r:id="rId10"/>
    <sheet name="Rel 7.4 Modules Information" sheetId="25" r:id="rId11"/>
    <sheet name="Rel 7.3 Modules Information" sheetId="24" r:id="rId12"/>
    <sheet name="Rel 7.2 Modules Information" sheetId="22" r:id="rId13"/>
    <sheet name="Rel 7.1 Modules Information" sheetId="21" r:id="rId14"/>
    <sheet name="Rel 7.0 Modules Information" sheetId="20" r:id="rId15"/>
    <sheet name="Rel 6.5 Modules Information" sheetId="19" r:id="rId16"/>
    <sheet name="Rel 6.4 Modules Information" sheetId="18" r:id="rId17"/>
    <sheet name="Rel 6.3 Modules Information" sheetId="17" r:id="rId18"/>
    <sheet name="Rel 6.2 Modules Information" sheetId="16" r:id="rId19"/>
    <sheet name="Rel 6.1 Modules Information" sheetId="15" r:id="rId20"/>
    <sheet name="Rel 6.0 Modules Information" sheetId="7" r:id="rId21"/>
    <sheet name="Rel 5.1 Modules Information" sheetId="10" r:id="rId22"/>
    <sheet name="Rel 5.0 Modules Information" sheetId="11" r:id="rId23"/>
  </sheets>
  <definedNames>
    <definedName name="_xlnm._FilterDatabase" localSheetId="1" hidden="1">'QTouch-Start-Supported-Devices'!$B$2:$M$346</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4462" uniqueCount="974">
  <si>
    <t>Sl No</t>
  </si>
  <si>
    <t>Sheet</t>
  </si>
  <si>
    <t>Description</t>
  </si>
  <si>
    <t>QTouch-Start-Supported-Devices</t>
  </si>
  <si>
    <t>Supported devices in Qtouch START</t>
  </si>
  <si>
    <t>Modules Change Log</t>
  </si>
  <si>
    <t xml:space="preserve">
QTouch library module changelog and version information</t>
  </si>
  <si>
    <t>KitExampleProjects</t>
  </si>
  <si>
    <t>List of QTouch example project available in START</t>
  </si>
  <si>
    <t>PTC Information</t>
  </si>
  <si>
    <t>Information on PTC variants and devices.</t>
  </si>
  <si>
    <t>Rel 7.2 Modules Information</t>
  </si>
  <si>
    <t>QTouch library module version history for Start 7.2 Release</t>
  </si>
  <si>
    <t>Rel 7.1 Modules Information</t>
  </si>
  <si>
    <t>QTouch library module version history for Start 7.1 Release</t>
  </si>
  <si>
    <t>Rel 7.0 Modules Information</t>
  </si>
  <si>
    <t>QTouch library module version history for Start 7.0 Release</t>
  </si>
  <si>
    <t>Rel 6.5 Modules Information</t>
  </si>
  <si>
    <t>QTouch library module version history for Start 6.5 Release</t>
  </si>
  <si>
    <t>Rel 6.4 Modules Information</t>
  </si>
  <si>
    <t>QTouch library module version history for Start 6.4 Release</t>
  </si>
  <si>
    <t>Rel 6.3 Modules Information</t>
  </si>
  <si>
    <t>QTouch library module version history for Start 6.3 Release</t>
  </si>
  <si>
    <t>Rel 6.2 Modules Information</t>
  </si>
  <si>
    <t>QTouch library module version history for Start 6.2 Release</t>
  </si>
  <si>
    <t>Rel 6.1 Modules Information</t>
  </si>
  <si>
    <t>QTouch library module version history for Start 6.1 Release</t>
  </si>
  <si>
    <t>Rel 6.0 Modules Information</t>
  </si>
  <si>
    <t>QTouch library module version history for Start 6.0 Release</t>
  </si>
  <si>
    <t>Rel 5.1 Modules Information</t>
  </si>
  <si>
    <t>QTouch library module version history for Start 5.1 Release</t>
  </si>
  <si>
    <t>Rel 5.0 Modules Information</t>
  </si>
  <si>
    <t>QTouch library module version history for Start 5.0 Release</t>
  </si>
  <si>
    <t>Device Pin Capacitance</t>
  </si>
  <si>
    <t>Typical Pad Capacitance Values of Various Devices</t>
  </si>
  <si>
    <t>QTx-XPRO Pin Compatibility</t>
  </si>
  <si>
    <t>QTouch Kits</t>
  </si>
  <si>
    <t>List of kits that supports Qtouch</t>
  </si>
  <si>
    <t>Device Family</t>
  </si>
  <si>
    <t>Device Name</t>
  </si>
  <si>
    <t>Architecture</t>
  </si>
  <si>
    <t>Package</t>
  </si>
  <si>
    <t>Pins</t>
  </si>
  <si>
    <t>Flash (KB)</t>
  </si>
  <si>
    <t>SRAM (Bytes)</t>
  </si>
  <si>
    <t>Total PTC Lines#</t>
  </si>
  <si>
    <t>PTC X Lines</t>
  </si>
  <si>
    <t>PTC Y Lines</t>
  </si>
  <si>
    <t>Max Self-cap Buttons*</t>
  </si>
  <si>
    <t>Max Mutual cap Buttons*</t>
  </si>
  <si>
    <t>ATtiny</t>
  </si>
  <si>
    <t>ATtiny814-SSNRES</t>
  </si>
  <si>
    <t>AVR</t>
  </si>
  <si>
    <t>SOIC14</t>
  </si>
  <si>
    <t>ATtiny814-SSNR</t>
  </si>
  <si>
    <t>ATtiny814-SSFR</t>
  </si>
  <si>
    <t>ATtiny816-SFR</t>
  </si>
  <si>
    <t>SOIC20</t>
  </si>
  <si>
    <t>ATtiny816-MNRES</t>
  </si>
  <si>
    <t>VQFN20</t>
  </si>
  <si>
    <t>ATtiny816-MNR</t>
  </si>
  <si>
    <t>ATtiny816-MFR</t>
  </si>
  <si>
    <t>ATtiny816-SNR</t>
  </si>
  <si>
    <t>ATtiny817-MNRES</t>
  </si>
  <si>
    <t>VQFN24</t>
  </si>
  <si>
    <t>ATtiny817-MFR</t>
  </si>
  <si>
    <t>ATtiny817-MNR</t>
  </si>
  <si>
    <t>ATtiny1614-SSNR</t>
  </si>
  <si>
    <t>SOIC150</t>
  </si>
  <si>
    <t>ATtiny1614-SSFR</t>
  </si>
  <si>
    <t>ATtiny1616-SFR</t>
  </si>
  <si>
    <t>ATtiny1616-SNR</t>
  </si>
  <si>
    <t>ATtiny1617-MFR</t>
  </si>
  <si>
    <t>ATtiny1617-MNR</t>
  </si>
  <si>
    <t>SAMD10</t>
  </si>
  <si>
    <t>ATSAMD10C14A</t>
  </si>
  <si>
    <t>CORTEX-M0+</t>
  </si>
  <si>
    <t>SAMD11</t>
  </si>
  <si>
    <t>ATSAMD11C14A</t>
  </si>
  <si>
    <t>ATSAMD10D14AS</t>
  </si>
  <si>
    <t>ATSAMD10D14AU</t>
  </si>
  <si>
    <t>WLCSP20</t>
  </si>
  <si>
    <t>ATSAMD11D14AS</t>
  </si>
  <si>
    <t>ATSAMD11D14AU</t>
  </si>
  <si>
    <t>ATSAMD10D14AM</t>
  </si>
  <si>
    <t>QFN24</t>
  </si>
  <si>
    <t>ATSAMD11D14AM</t>
  </si>
  <si>
    <t>Atmega</t>
  </si>
  <si>
    <t>ATmega328PB-AU</t>
  </si>
  <si>
    <t>TQFP32</t>
  </si>
  <si>
    <t>ATmega328PB-AN</t>
  </si>
  <si>
    <t>ATmega328PB-MN</t>
  </si>
  <si>
    <t>VQFN32</t>
  </si>
  <si>
    <t>ATmega328PB-MU</t>
  </si>
  <si>
    <t>ATmega324PB-MUR</t>
  </si>
  <si>
    <t>VQFN44</t>
  </si>
  <si>
    <t>ATmega324PB-AUR</t>
  </si>
  <si>
    <t>TQFP44</t>
  </si>
  <si>
    <t>ATmega324PB-AU</t>
  </si>
  <si>
    <t>ATmega324PB-ANR</t>
  </si>
  <si>
    <t>ATmega324PB-AN</t>
  </si>
  <si>
    <t>ATmega324PB-MN</t>
  </si>
  <si>
    <t>ATmega324PB-MNR</t>
  </si>
  <si>
    <t>ATmega324PB-MU</t>
  </si>
  <si>
    <t>SAMD21</t>
  </si>
  <si>
    <t>ATSAMD21E15A</t>
  </si>
  <si>
    <t>QFN32</t>
  </si>
  <si>
    <t>32 KB</t>
  </si>
  <si>
    <t>4 KB</t>
  </si>
  <si>
    <t>ATSAMD21E15B</t>
  </si>
  <si>
    <t>33 KB</t>
  </si>
  <si>
    <t>ATSAMD21E15BU</t>
  </si>
  <si>
    <t>WLCSP35</t>
  </si>
  <si>
    <t>ATSAMD21E15CU</t>
  </si>
  <si>
    <t>ATSAMD21E17A</t>
  </si>
  <si>
    <t>128 KB</t>
  </si>
  <si>
    <t>16 KB</t>
  </si>
  <si>
    <t>ATSAMD21E18A</t>
  </si>
  <si>
    <t>256 KB</t>
  </si>
  <si>
    <t>ATSAMD21G15A</t>
  </si>
  <si>
    <t>QFN48</t>
  </si>
  <si>
    <t>TQFP48</t>
  </si>
  <si>
    <t>ATSAMD21G15B</t>
  </si>
  <si>
    <t>ATSAMD21G16A</t>
  </si>
  <si>
    <t>64 KB</t>
  </si>
  <si>
    <t>8 KB</t>
  </si>
  <si>
    <t>ATSAMD21G16B</t>
  </si>
  <si>
    <t>66 KB</t>
  </si>
  <si>
    <t>ATSAMD21G17A</t>
  </si>
  <si>
    <t>ATSAMD21G17AU</t>
  </si>
  <si>
    <t>WLCSP45</t>
  </si>
  <si>
    <t>ATSAMD21G18A</t>
  </si>
  <si>
    <t>ATSAMD21G18AU</t>
  </si>
  <si>
    <t>ATSAMD21J15A</t>
  </si>
  <si>
    <t>QFN64</t>
  </si>
  <si>
    <t>TQFP64</t>
  </si>
  <si>
    <t>ATSAMD21J15B</t>
  </si>
  <si>
    <t>ATSAMD21J16A</t>
  </si>
  <si>
    <t>CTBGA64</t>
  </si>
  <si>
    <t>ATSAMD21J16B</t>
  </si>
  <si>
    <t>ATSAMD21J17A</t>
  </si>
  <si>
    <t>ATSAMD21J18A</t>
  </si>
  <si>
    <t>SAMDA1</t>
  </si>
  <si>
    <t>ATSAMDA1E14A</t>
  </si>
  <si>
    <t>16.5 KB</t>
  </si>
  <si>
    <t>ATSAMDA1E15A</t>
  </si>
  <si>
    <t>ATSAMDA1E16A</t>
  </si>
  <si>
    <t>ATSAMDA1G14A</t>
  </si>
  <si>
    <t>ATSAMDA1G15A</t>
  </si>
  <si>
    <t>ATSAMDA1G16A</t>
  </si>
  <si>
    <t>ATSAMDA1J14A</t>
  </si>
  <si>
    <t>ATSAMDA1J15A</t>
  </si>
  <si>
    <t>ATSAMDA1J16A</t>
  </si>
  <si>
    <t>ATSAMDA1E14B</t>
  </si>
  <si>
    <t>ATSAMDA1E15B</t>
  </si>
  <si>
    <t>ATSAMDA1E16B</t>
  </si>
  <si>
    <t>ATSAMDA1G14B</t>
  </si>
  <si>
    <t>ATSAMDA1G15B</t>
  </si>
  <si>
    <t>ATSAMDA1G16B</t>
  </si>
  <si>
    <t>ATSAMDA1J14B</t>
  </si>
  <si>
    <t>ATSAMDA1J15B</t>
  </si>
  <si>
    <t>ATSAMDA1J16B</t>
  </si>
  <si>
    <t>SAMD20</t>
  </si>
  <si>
    <t>ATSAMD20D15U</t>
  </si>
  <si>
    <t>WLCSP27</t>
  </si>
  <si>
    <t>ATSAMD20D16U</t>
  </si>
  <si>
    <t>ATSAMD20E14</t>
  </si>
  <si>
    <t>2 KB</t>
  </si>
  <si>
    <t>ATSAMD20E15</t>
  </si>
  <si>
    <t>ATSAMD20E16</t>
  </si>
  <si>
    <t>ATSAMD20E17</t>
  </si>
  <si>
    <t>ATSAMD20E18</t>
  </si>
  <si>
    <t>ATSAMD20G14</t>
  </si>
  <si>
    <t>ATSAMD20G15</t>
  </si>
  <si>
    <t>ATSAMD20G16</t>
  </si>
  <si>
    <t>ATSAMD20G17</t>
  </si>
  <si>
    <t>ATSAMD20G17U</t>
  </si>
  <si>
    <t>ATSAMD20G18</t>
  </si>
  <si>
    <t>ATSAMD20G18U</t>
  </si>
  <si>
    <t>ATSAMD20J14</t>
  </si>
  <si>
    <t>ATSAMD20J15</t>
  </si>
  <si>
    <t>ATSAMD20J16</t>
  </si>
  <si>
    <t>ATSAMD20J17</t>
  </si>
  <si>
    <t>ATSAMD20J18</t>
  </si>
  <si>
    <t>SAME51</t>
  </si>
  <si>
    <t>ATSAME51J18A</t>
  </si>
  <si>
    <t>CORTEX-M4</t>
  </si>
  <si>
    <t>136 KB</t>
  </si>
  <si>
    <t>ATSAME51J19A</t>
  </si>
  <si>
    <t>512 KB</t>
  </si>
  <si>
    <t>200 KB</t>
  </si>
  <si>
    <t>ATSAME51N19A</t>
  </si>
  <si>
    <t>TQFP100</t>
  </si>
  <si>
    <t>ATSAME51N20A</t>
  </si>
  <si>
    <t>1 MB</t>
  </si>
  <si>
    <t>264 KB</t>
  </si>
  <si>
    <t>SAME53</t>
  </si>
  <si>
    <t>ATSAME53J18A</t>
  </si>
  <si>
    <t>ATSAME53J19A</t>
  </si>
  <si>
    <t>ATSAME53J20A</t>
  </si>
  <si>
    <t>ATSAME53N19A</t>
  </si>
  <si>
    <t>ATSAME53N20A</t>
  </si>
  <si>
    <t>SAME54</t>
  </si>
  <si>
    <t>ATSAME54N19A</t>
  </si>
  <si>
    <t>ATSAME54N20A</t>
  </si>
  <si>
    <t>ATSAME54P19A</t>
  </si>
  <si>
    <t>TQFP128</t>
  </si>
  <si>
    <t>ATSAME54P20A</t>
  </si>
  <si>
    <t>SAMD51</t>
  </si>
  <si>
    <t>ATSAMD51G18A</t>
  </si>
  <si>
    <t>ATSAMD51G19A</t>
  </si>
  <si>
    <t>ATSAMD51J18A</t>
  </si>
  <si>
    <t>ATSAMD51J19A</t>
  </si>
  <si>
    <t>WLCSP64</t>
  </si>
  <si>
    <t>ATSAMD51J20A</t>
  </si>
  <si>
    <t>ATSAMD51N19A</t>
  </si>
  <si>
    <t>ATSAMD51N20A</t>
  </si>
  <si>
    <t>ATSAMD51P19A</t>
  </si>
  <si>
    <t>ATSAMD51P20A</t>
  </si>
  <si>
    <t>SAMC21</t>
  </si>
  <si>
    <t>ATSAMC21E15A</t>
  </si>
  <si>
    <t>ATSAMC21E16A</t>
  </si>
  <si>
    <t>ATSAMC21E17A</t>
  </si>
  <si>
    <t>132 KB</t>
  </si>
  <si>
    <t>ATSAMC21E18A</t>
  </si>
  <si>
    <t>ATSAMC21G15A</t>
  </si>
  <si>
    <t>ATSAMC21G16A</t>
  </si>
  <si>
    <t>ATSAMC21G17A</t>
  </si>
  <si>
    <t>ATSAMC21G18A</t>
  </si>
  <si>
    <t>ATSAMC21J16A</t>
  </si>
  <si>
    <t>ATSAMC21J17A</t>
  </si>
  <si>
    <t>ATSAMC21J17AU</t>
  </si>
  <si>
    <t>WLCSP56</t>
  </si>
  <si>
    <t>ATSAMC21J18A</t>
  </si>
  <si>
    <t>ATSAMC21J18AU</t>
  </si>
  <si>
    <t>ATSAMC21N17A</t>
  </si>
  <si>
    <t>QFN100</t>
  </si>
  <si>
    <t>ATSAMC21N18A</t>
  </si>
  <si>
    <t>SAMC20</t>
  </si>
  <si>
    <t>ATSAMC20E15A</t>
  </si>
  <si>
    <t>ATSAMC20E16A</t>
  </si>
  <si>
    <t>ATSAMC20E17A</t>
  </si>
  <si>
    <t>ATSAMC20E18A</t>
  </si>
  <si>
    <t>ATSAMC20G15A</t>
  </si>
  <si>
    <t>ATSAMC20G16A</t>
  </si>
  <si>
    <t>ATSAMC20G17A</t>
  </si>
  <si>
    <t>ATSAMC20G18A</t>
  </si>
  <si>
    <t>ATSAMC20J16A</t>
  </si>
  <si>
    <t>ATSAMC20J17A</t>
  </si>
  <si>
    <t>ATSAMC20J17AU</t>
  </si>
  <si>
    <t>ATSAMC20J18A</t>
  </si>
  <si>
    <t>ATSAMC20J18AU</t>
  </si>
  <si>
    <t>ATSAMC20N17A</t>
  </si>
  <si>
    <t>ATSAMC20N18A</t>
  </si>
  <si>
    <t>SAML21</t>
  </si>
  <si>
    <t>ATSAML21E15B</t>
  </si>
  <si>
    <t>6 KB</t>
  </si>
  <si>
    <t>ATSAML21E16B</t>
  </si>
  <si>
    <t>12 KB</t>
  </si>
  <si>
    <t>ATSAML21E17B</t>
  </si>
  <si>
    <t>24 KB</t>
  </si>
  <si>
    <t>ATSAML21E18B</t>
  </si>
  <si>
    <t>40 KB</t>
  </si>
  <si>
    <t>ATSAML21G16B</t>
  </si>
  <si>
    <t>ATSAML21G17B</t>
  </si>
  <si>
    <t>ATSAML21G18B</t>
  </si>
  <si>
    <t>ATSAML21J16B</t>
  </si>
  <si>
    <t>ATSAML21J17B</t>
  </si>
  <si>
    <t>ATSAML21J18B</t>
  </si>
  <si>
    <t>SAML22</t>
  </si>
  <si>
    <t>ATSAML22G16A</t>
  </si>
  <si>
    <t>ATSAML22G17A</t>
  </si>
  <si>
    <t>WLCSP49</t>
  </si>
  <si>
    <t>ATSAML22G18A</t>
  </si>
  <si>
    <t>ATSAML22J16A</t>
  </si>
  <si>
    <t>ATSAML22J17A</t>
  </si>
  <si>
    <t>ATSAML22J18A</t>
  </si>
  <si>
    <t>ATSAML22N16A</t>
  </si>
  <si>
    <t>BGA100</t>
  </si>
  <si>
    <t>ATSAML22N17A</t>
  </si>
  <si>
    <t>ATSAML22N18A</t>
  </si>
  <si>
    <t>SAMHA1</t>
  </si>
  <si>
    <t>ATSAMHA1G14A</t>
  </si>
  <si>
    <t>ATSAMHA1G14AB</t>
  </si>
  <si>
    <t>ATSAMHA1G15A</t>
  </si>
  <si>
    <t>ATSAMHA1G15AB</t>
  </si>
  <si>
    <t>ATSAMHA1G16A</t>
  </si>
  <si>
    <t>ATSAMHA1G16AB</t>
  </si>
  <si>
    <t>ATtiny3214-SSNR</t>
  </si>
  <si>
    <t>ATtiny3214-SSFR</t>
  </si>
  <si>
    <t>ATtiny3216-SFR</t>
  </si>
  <si>
    <t>ATtiny3216-SNR</t>
  </si>
  <si>
    <t>ATtiny3217-MFR</t>
  </si>
  <si>
    <t>ATtiny3217-MNR</t>
  </si>
  <si>
    <t>SAML10</t>
  </si>
  <si>
    <t>ATSAML10D14A</t>
  </si>
  <si>
    <t>CORTEX-M23</t>
  </si>
  <si>
    <t>SSOP24</t>
  </si>
  <si>
    <t>18 KB</t>
  </si>
  <si>
    <t>ATSAML10D15A</t>
  </si>
  <si>
    <t>34 KB</t>
  </si>
  <si>
    <t>ATSAML10D16A</t>
  </si>
  <si>
    <t>ATSAML10E14A</t>
  </si>
  <si>
    <t>ATSAML10E15A</t>
  </si>
  <si>
    <t>ATSAML10E16A</t>
  </si>
  <si>
    <t>SAML11</t>
  </si>
  <si>
    <t>ATSAML11D14A</t>
  </si>
  <si>
    <t>ATSAML11D15A</t>
  </si>
  <si>
    <t>ATSAML11D16A</t>
  </si>
  <si>
    <t>ATSAML11E14A</t>
  </si>
  <si>
    <t>ATSAML11E15A</t>
  </si>
  <si>
    <t>ATSAML11E16A</t>
  </si>
  <si>
    <t>ATSAMD20E14B</t>
  </si>
  <si>
    <t>ATSAMD20E15B</t>
  </si>
  <si>
    <t>ATSAMD20E16B</t>
  </si>
  <si>
    <t>ATSAMD20G14B</t>
  </si>
  <si>
    <t>ATSAMD20G15B</t>
  </si>
  <si>
    <t>ATSAMD20G16B</t>
  </si>
  <si>
    <t>ATSAMD20J14B</t>
  </si>
  <si>
    <t>ATSAMD20J15B</t>
  </si>
  <si>
    <t>ATSAMD20J16B</t>
  </si>
  <si>
    <t>ATSAMHA1E14AB</t>
  </si>
  <si>
    <t>ATSAMHA1E15AB</t>
  </si>
  <si>
    <t>ATSAMHA1E16AB</t>
  </si>
  <si>
    <t>ATSAMD21E17D</t>
  </si>
  <si>
    <t>ATSAMD21E17DU</t>
  </si>
  <si>
    <t>ATSAMD21G17D</t>
  </si>
  <si>
    <t>ATSAMD21J17D</t>
  </si>
  <si>
    <t>AVRDA</t>
  </si>
  <si>
    <t>AVR128DA28</t>
  </si>
  <si>
    <t>SOIC28</t>
  </si>
  <si>
    <t>128KB</t>
  </si>
  <si>
    <t>16KB</t>
  </si>
  <si>
    <t>AVR128DA32</t>
  </si>
  <si>
    <t>AVR128DA48</t>
  </si>
  <si>
    <t>AVR128DA64</t>
  </si>
  <si>
    <t>Device family</t>
  </si>
  <si>
    <t>Maximum self compensation
 capacitance  (pF)</t>
  </si>
  <si>
    <t>Maximum mutual 
compensation capacitance  (pF)</t>
  </si>
  <si>
    <t>Maximum mutual
 capacitance 
parasitic rejection (pF)</t>
  </si>
  <si>
    <t>Maximum selfcap
 sensor   capacitance  (pF)</t>
  </si>
  <si>
    <t>Maximum mutlcap
 sensor   capacitance  (pF)</t>
  </si>
  <si>
    <t>Driven
 Shield+
 support</t>
  </si>
  <si>
    <t>Driven 
Shield 
support</t>
  </si>
  <si>
    <t xml:space="preserve">Charge Share Delay (CSD )
Feature
</t>
  </si>
  <si>
    <t>Min PTC 
Clock in MHz(after prescaler)</t>
  </si>
  <si>
    <t>Max PTC 
Clock in MHz(after prescaler)</t>
  </si>
  <si>
    <t>Supports shared X/Y</t>
  </si>
  <si>
    <t>Tiny 81x,161x,321x</t>
  </si>
  <si>
    <t>Yes</t>
  </si>
  <si>
    <t>NA</t>
  </si>
  <si>
    <t>Available</t>
  </si>
  <si>
    <t>Mega324PB,
 Mega328PB</t>
  </si>
  <si>
    <t>No</t>
  </si>
  <si>
    <t>SAM L10/L11</t>
  </si>
  <si>
    <t>SAM L22</t>
  </si>
  <si>
    <t>Available on request</t>
  </si>
  <si>
    <t>SAM C20/C21</t>
  </si>
  <si>
    <t xml:space="preserve">Available on request </t>
  </si>
  <si>
    <t xml:space="preserve">SAM D10/D11
</t>
  </si>
  <si>
    <t>Not available</t>
  </si>
  <si>
    <t xml:space="preserve">SAM D20/D21/DA1/HA1
</t>
  </si>
  <si>
    <t>SAM D51/E51/E53/E54</t>
  </si>
  <si>
    <t>Device Typical Pad Capacitances</t>
  </si>
  <si>
    <t>Legend</t>
  </si>
  <si>
    <t xml:space="preserve">The Yellow Marking shows Pin Pads having High Capacitance </t>
  </si>
  <si>
    <t>ARM Devices</t>
  </si>
  <si>
    <t>For Tiny Devices, Please refer the datasheet for Pad Capacitance Values</t>
  </si>
  <si>
    <t>Channel</t>
  </si>
  <si>
    <t>Pad cap value (pF)</t>
  </si>
  <si>
    <t>SAMD11/ 
SAMD10</t>
  </si>
  <si>
    <t>SAMC21/ SAMC20</t>
  </si>
  <si>
    <t>SAME54/ SAMD51</t>
  </si>
  <si>
    <t>SAML10/ SAML11</t>
  </si>
  <si>
    <r>
      <t xml:space="preserve">Notes:
</t>
    </r>
    <r>
      <rPr>
        <sz val="11"/>
        <color theme="1"/>
        <rFont val="Calibri"/>
        <family val="2"/>
        <scheme val="minor"/>
      </rPr>
      <t>*  5.987pF for SAMD21 'D' variants. 1.485pF for other SAMD21 variants.</t>
    </r>
  </si>
  <si>
    <t>Y0</t>
  </si>
  <si>
    <t>&lt; 1</t>
  </si>
  <si>
    <t>Y1</t>
  </si>
  <si>
    <t>Y2</t>
  </si>
  <si>
    <t>Y3</t>
  </si>
  <si>
    <t>Y4</t>
  </si>
  <si>
    <t>Y5</t>
  </si>
  <si>
    <t>Y6</t>
  </si>
  <si>
    <t>Y7</t>
  </si>
  <si>
    <t>Y8</t>
  </si>
  <si>
    <t>Y9</t>
  </si>
  <si>
    <t>Y10</t>
  </si>
  <si>
    <r>
      <t>5.98725</t>
    </r>
    <r>
      <rPr>
        <b/>
        <sz val="12"/>
        <color theme="1"/>
        <rFont val="Calibri"/>
        <family val="2"/>
        <scheme val="minor"/>
      </rPr>
      <t>*</t>
    </r>
  </si>
  <si>
    <t>Y11</t>
  </si>
  <si>
    <t>Y12</t>
  </si>
  <si>
    <t>Y13</t>
  </si>
  <si>
    <t>Y14</t>
  </si>
  <si>
    <t>Y15</t>
  </si>
  <si>
    <t>Y16</t>
  </si>
  <si>
    <t>Y17</t>
  </si>
  <si>
    <t>Y18</t>
  </si>
  <si>
    <t>Y19</t>
  </si>
  <si>
    <t>Y20</t>
  </si>
  <si>
    <t>Y21</t>
  </si>
  <si>
    <t>Y22</t>
  </si>
  <si>
    <t>Y23</t>
  </si>
  <si>
    <t>Y24</t>
  </si>
  <si>
    <t>Y25</t>
  </si>
  <si>
    <t>Y26</t>
  </si>
  <si>
    <t>Y27</t>
  </si>
  <si>
    <t>Y28</t>
  </si>
  <si>
    <t>Y29</t>
  </si>
  <si>
    <t>Y30</t>
  </si>
  <si>
    <t>Y31</t>
  </si>
  <si>
    <t>Xplained Pro/Mini</t>
  </si>
  <si>
    <t>On board_button</t>
  </si>
  <si>
    <t>QT1 Xplained Pro (self)</t>
  </si>
  <si>
    <t>QT1_ Xplained Pro (mut)</t>
  </si>
  <si>
    <t>QT2_Matrix_Surface</t>
  </si>
  <si>
    <t>QT3_Matrix_Keypad</t>
  </si>
  <si>
    <t>QT4_Automotive (Self)</t>
  </si>
  <si>
    <t>QT5_Xplained Pro (mut)</t>
  </si>
  <si>
    <t>QT6 Xplained Pro (surface)</t>
  </si>
  <si>
    <t>QT7 Xplained Pro (self)</t>
  </si>
  <si>
    <t>QT8 Xplained Pro (Water tolerant 2D Touch Surface)</t>
  </si>
  <si>
    <t>T10 Xplained Pro (Mutual cap)</t>
  </si>
  <si>
    <t>SAM Series</t>
  </si>
  <si>
    <t>SAMD10_Xplained Mini</t>
  </si>
  <si>
    <t>one self key</t>
  </si>
  <si>
    <t>SAMD11_Xplained Pro</t>
  </si>
  <si>
    <t>Two self Key</t>
  </si>
  <si>
    <t>yes</t>
  </si>
  <si>
    <t>SAMD20_Xplained Pro</t>
  </si>
  <si>
    <t>SAMD21_Xplained Pro</t>
  </si>
  <si>
    <t>SAMDA1_Xplained Pro</t>
  </si>
  <si>
    <t>SAMC21_Xplained Pro</t>
  </si>
  <si>
    <t>SAML10_Xplained Pro</t>
  </si>
  <si>
    <t>SAML11_Xplained Pro</t>
  </si>
  <si>
    <t>SAML21_Xplained Pro</t>
  </si>
  <si>
    <t>SAML22_Xplained Pro</t>
  </si>
  <si>
    <t>SAME54_Xplained Pro</t>
  </si>
  <si>
    <t>MEGA series</t>
  </si>
  <si>
    <t>Mega324 PB_Xplained Mini</t>
  </si>
  <si>
    <t>Mega324 PB_Xplained Pro</t>
  </si>
  <si>
    <t>Mega328 PB_Xpalined Mini</t>
  </si>
  <si>
    <t>self slider</t>
  </si>
  <si>
    <t>Tiny Series</t>
  </si>
  <si>
    <t>Tiny817 Xplained Pro</t>
  </si>
  <si>
    <t>2 self key</t>
  </si>
  <si>
    <t>Tiny3217 Xplained Pro</t>
  </si>
  <si>
    <t>AVR DA</t>
  </si>
  <si>
    <t>AVR DA Cnano with Touch Adaptor</t>
  </si>
  <si>
    <t>Xplained Pro/Mini/Demo 
Boards</t>
  </si>
  <si>
    <t>With On-Board Button</t>
  </si>
  <si>
    <t>QT7 Xplained Pro (selfcap 
driven shield)</t>
  </si>
  <si>
    <t xml:space="preserve">QT8 Xplained Pro </t>
  </si>
  <si>
    <t>T10 Xplained Pro</t>
  </si>
  <si>
    <t>Does uses Curiosity Nano Touch Adaptor ?</t>
  </si>
  <si>
    <t>Kit Example Projects Description</t>
  </si>
  <si>
    <t>Latest released START version</t>
  </si>
  <si>
    <t>One self key</t>
  </si>
  <si>
    <t>QTouch SAMD10 Xplained Mini Selfcap Example with OnBoard Sensors</t>
  </si>
  <si>
    <t>In or before 5.0</t>
  </si>
  <si>
    <t>QTouch SAMD11 Xplained Pro Selfcap Example with OnBoard Sensors</t>
  </si>
  <si>
    <t>QTouch SAMD20 Xplained Pro with QT1 Selfcap Xplained Pro Example
QTouch SAMD20 Xplained Pro with QT1 Mutualcap Xplained Pro Example</t>
  </si>
  <si>
    <t>QTouch SAMD21 Xplained Pro with QT1 Selfcap Xplained Pro Example
QTouch SAMD21 Xplained Pro with QT1 Mutualcap Xplained Pro Example</t>
  </si>
  <si>
    <t>QTouch SAMDA1 Xplained Pro with QT1 Selfcap Xplained Pro Example
QTouch SAMDA1 Xplained Pro with QT1 Mutualcap Xplained Pro Example</t>
  </si>
  <si>
    <t>SAMC21N_Xplained Pro</t>
  </si>
  <si>
    <t xml:space="preserve">one self key </t>
  </si>
  <si>
    <t>QTouch SAMC21N Xplained Pro with QT1 Mutualcap Xplained Pro Example</t>
  </si>
  <si>
    <t>SAMC21J_Xplained Pro</t>
  </si>
  <si>
    <t>QTouch SAMC21 Xplained Pro with QT1 Selfcap Xplained Pro Example
QTouch SAMC21 Xplained Pro with QT1 Mutualcap Xplained Pro Example
QTOUCH SAMC21 Mutual Capacitance Touch Project for QT3</t>
  </si>
  <si>
    <t>QTouch SAML21 Xplained Selfcap Example with OnBoard Sensors 
QTouch SAML21 Xplained Pro with QT1 Mutualcap Xplained Pro Example</t>
  </si>
  <si>
    <t>QTouch SAML22 Xplained Selfcap Example with OnBoard Sensors 
QTouch SAML22 Xplained Pro with QT1 Mutualcap Xplained Pro Example</t>
  </si>
  <si>
    <t>QTouch SAME54 Xplained Pro Selfcap Example with OnBoard Sensors
QTouch SAME54 Xplained Pro with QT1 Mutualcap Xplained Pro Example</t>
  </si>
  <si>
    <t xml:space="preserve">QTouch SAML10 Xplained Pro Mutual capacitance Touch Example with QT3 keypad extension
QTouch SAML10 Xplained Pro Self capacitance Shield Water Tolerant Touch Example with QT7 extension
QTouch SAML10 Xplained Pro Selfcap Example with OnBoard Sensors.
Qtouch SAML10 Xplained Pro Surface Project Selfcap Shield with QT8.
Qtouch SAML10 Xplained Pro Low-power Project Mutual capacitance with QT3.
</t>
  </si>
  <si>
    <t>In 6.2</t>
  </si>
  <si>
    <t xml:space="preserve">QTouch SAML11 Xplained Pro Self capacitance Shield Water Tolerant Secure Touch Example with QT7 extension.
QTouch SAML11 Xplained Pro Mutual capacitance Secure Touch Example with QT3 keypad extension.
SAML11 secure project with Trustzone middleware that should be used in association with non-secure touch example project.
QTouch SAML11 Xplained Pro TrustZone Low-power Example.
</t>
  </si>
  <si>
    <t>In 6.0</t>
  </si>
  <si>
    <t>QTouch Mega328PB Xplained Mini Selfcap Example with OnBoard Sensors</t>
  </si>
  <si>
    <t>Tiny817_Xplained Pro</t>
  </si>
  <si>
    <t>Two self key</t>
  </si>
  <si>
    <t>QTouch Tiny817 Xplained Pro Selfcap Example with OnBoard Sensors
QTouch Tiny817 Xplained Pro with QT7 Xplained Pro Selfcap Driven Shield Example Without Data Visualizer Support
QTouch Tiny817 Xplained Pro with QT7 Xplained Pro Selfcap Driven Shield IAR Only Example</t>
  </si>
  <si>
    <t>Tiny817_Xplained Mini</t>
  </si>
  <si>
    <t>QTouch Tiny817 Xplained Mini Selfcap Example with OnBoard Sensors</t>
  </si>
  <si>
    <t>Tiny817_Moisture Demo</t>
  </si>
  <si>
    <t>Four Self Key</t>
  </si>
  <si>
    <t>QTouch Tiny817 Moisture Demo Example</t>
  </si>
  <si>
    <t>Tiny1617_Surface_and 
Gesture_Demo_Board</t>
  </si>
  <si>
    <t>5 Horizontal and 6
Vertical Channels (Selfcap)</t>
  </si>
  <si>
    <t>Tiny1617 1 Finger Position Tracking Project.
Tiny1617 1 and 2 Finger Gesture Detection Project with LEDs.
Tiny1617 1 and 2 Finger Gesture Detection Project with 2D Surface Utility GUI.</t>
  </si>
  <si>
    <t>Tiny3217_Xplained_Pro</t>
  </si>
  <si>
    <t xml:space="preserve">QTouch Tiny3217 Xplained Pro Selfcap without Event System Example with OnBoard Sensors.
QTouch Tiny3217 Xplained Pro Selfcap with Event System Example with OnBoard Sensors.
QTouch Tiny3217 Xplained Pro Selfcap Surface Shield Example Project with QT8.
</t>
  </si>
  <si>
    <t>AVR128DA48 CNANO</t>
  </si>
  <si>
    <t>AVRDA Curiosity Nano QT7 XPRO Touch Project</t>
  </si>
  <si>
    <t>In 7.2</t>
  </si>
  <si>
    <t>AVRDA Curiosity Nano QT8 XPRO Touch Project</t>
  </si>
  <si>
    <t>AVRDA Curiosity Nano T10 XPRO Touch Project</t>
  </si>
  <si>
    <t>HEADER SPEC</t>
  </si>
  <si>
    <t>MCU BOARDS</t>
  </si>
  <si>
    <t>SENSOR BOARDS</t>
  </si>
  <si>
    <t>EXT</t>
  </si>
  <si>
    <t>SAM D11</t>
  </si>
  <si>
    <t>SAM D20</t>
  </si>
  <si>
    <t>SAM D21</t>
  </si>
  <si>
    <t>SAM L21</t>
  </si>
  <si>
    <t>ATmega324PB</t>
  </si>
  <si>
    <t>ATtiny3217</t>
  </si>
  <si>
    <t>ATtiny817</t>
  </si>
  <si>
    <t>QT1_SelfCap</t>
  </si>
  <si>
    <t>QT1_MutualCap</t>
  </si>
  <si>
    <t>QT4_Automotive</t>
  </si>
  <si>
    <t>QT5_Xplained Pro</t>
  </si>
  <si>
    <t>QT6 Xplained Pro</t>
  </si>
  <si>
    <t>QT7 Xplained Pro</t>
  </si>
  <si>
    <t>QT8 Xplained Pro</t>
  </si>
  <si>
    <t>EXT_1_03_ADC+</t>
  </si>
  <si>
    <t>XY8</t>
  </si>
  <si>
    <t xml:space="preserve"> Y15</t>
  </si>
  <si>
    <t>X22/Y22</t>
  </si>
  <si>
    <t xml:space="preserve">X2/Y2  </t>
  </si>
  <si>
    <t>X2/Y2</t>
  </si>
  <si>
    <t>XY2</t>
  </si>
  <si>
    <t>Y-line 0 (Slider)</t>
  </si>
  <si>
    <t>LED 0</t>
  </si>
  <si>
    <t>Y-line 1</t>
  </si>
  <si>
    <t>Y-line 0 (Prox1)</t>
  </si>
  <si>
    <t>Y-line 0</t>
  </si>
  <si>
    <t>Y-line 5 (DS)</t>
  </si>
  <si>
    <t>Y-line 8</t>
  </si>
  <si>
    <t>EXT_1_04_ADC-</t>
  </si>
  <si>
    <t>XY9</t>
  </si>
  <si>
    <t xml:space="preserve"> Y14</t>
  </si>
  <si>
    <t>X23/Y23</t>
  </si>
  <si>
    <t>X3/Y3</t>
  </si>
  <si>
    <t>XY3</t>
  </si>
  <si>
    <t>Y-line 1 (Slider)</t>
  </si>
  <si>
    <t>LED 1</t>
  </si>
  <si>
    <t>Y-line 2</t>
  </si>
  <si>
    <t>Y-line 1 (Prox2)</t>
  </si>
  <si>
    <t>Y-line 1 (BUTTON1)</t>
  </si>
  <si>
    <t>Y-line 9</t>
  </si>
  <si>
    <t>EXT_1_05_GPIO1</t>
  </si>
  <si>
    <t>XY16</t>
  </si>
  <si>
    <t>X8/Y24*</t>
  </si>
  <si>
    <t>X4/Y4</t>
  </si>
  <si>
    <t>Y-line 2 (Slider)</t>
  </si>
  <si>
    <t>Y-line 3</t>
  </si>
  <si>
    <t>Y-line 2 (Button1)</t>
  </si>
  <si>
    <t>EXT_1_06_GPIO2</t>
  </si>
  <si>
    <t>XY17</t>
  </si>
  <si>
    <t>X9/Y25*</t>
  </si>
  <si>
    <t>X5/Y5</t>
  </si>
  <si>
    <t>X13/Y13</t>
  </si>
  <si>
    <t>Y-line 3 (Wheel)</t>
  </si>
  <si>
    <t>Y-line 1 (Wheel)</t>
  </si>
  <si>
    <t>Y-line 4</t>
  </si>
  <si>
    <t>Y-line 3 (Button2)</t>
  </si>
  <si>
    <t>LED 6</t>
  </si>
  <si>
    <t>Y-line 7</t>
  </si>
  <si>
    <t>EXT_1_07_PWM+</t>
  </si>
  <si>
    <t>X4 / Y10*</t>
  </si>
  <si>
    <t>XY14</t>
  </si>
  <si>
    <t>X12/Y28*</t>
  </si>
  <si>
    <t>X1/Y1</t>
  </si>
  <si>
    <t>X5/Y13</t>
  </si>
  <si>
    <t>LED 2</t>
  </si>
  <si>
    <t>X-line 1</t>
  </si>
  <si>
    <t>X-line 0</t>
  </si>
  <si>
    <t>Y-line 2(Slider)</t>
  </si>
  <si>
    <t>Y-line 6</t>
  </si>
  <si>
    <t>X line 4</t>
  </si>
  <si>
    <t>EXT_1_08_PWM-</t>
  </si>
  <si>
    <t>X5 / Y11*</t>
  </si>
  <si>
    <t>XY15</t>
  </si>
  <si>
    <t>X13/Y29*</t>
  </si>
  <si>
    <t>X4/Y12</t>
  </si>
  <si>
    <t>LED 3</t>
  </si>
  <si>
    <t xml:space="preserve"> X-line 2</t>
  </si>
  <si>
    <t>Y-line 3(Slider)</t>
  </si>
  <si>
    <t>Y-line 5</t>
  </si>
  <si>
    <t>X line 3</t>
  </si>
  <si>
    <t>EXT_1_09_GPIO_IRQ</t>
  </si>
  <si>
    <t>X0 / Y6*</t>
  </si>
  <si>
    <t>XY6</t>
  </si>
  <si>
    <t>X14/Y30*</t>
  </si>
  <si>
    <t>X25/Y25</t>
  </si>
  <si>
    <t>X11/Y19</t>
  </si>
  <si>
    <t>Y-line 4 (Wheel)</t>
  </si>
  <si>
    <t>Y-line 2 (Buttons)</t>
  </si>
  <si>
    <t>X-line 3</t>
  </si>
  <si>
    <t>X-line 2</t>
  </si>
  <si>
    <t>Y-line 4(Slider)</t>
  </si>
  <si>
    <t>X line 2</t>
  </si>
  <si>
    <t>EXT_1_10_GPIO_SS</t>
  </si>
  <si>
    <t>X1 / Y7*</t>
  </si>
  <si>
    <t>XY7</t>
  </si>
  <si>
    <t>X15/Y31*</t>
  </si>
  <si>
    <t>X18/Y18</t>
  </si>
  <si>
    <t>X10/Y18</t>
  </si>
  <si>
    <t>X0/Y0</t>
  </si>
  <si>
    <t>Y-line 5 (Wheel)</t>
  </si>
  <si>
    <t>X-line 4</t>
  </si>
  <si>
    <t>Y-line 0 (BUTTON2)</t>
  </si>
  <si>
    <t>X line 1</t>
  </si>
  <si>
    <t>EXT_1_11_TWI_SDA</t>
  </si>
  <si>
    <t>X6 / Y12*</t>
  </si>
  <si>
    <t>X0</t>
  </si>
  <si>
    <t>X16/Y16</t>
  </si>
  <si>
    <t>XY12</t>
  </si>
  <si>
    <t>LED Matrix Driver SDA</t>
  </si>
  <si>
    <t>LED 7</t>
  </si>
  <si>
    <t>EXT_1_12_TWI_SCL</t>
  </si>
  <si>
    <t>X7 / Y13*</t>
  </si>
  <si>
    <t>X1</t>
  </si>
  <si>
    <t>X17/Y17</t>
  </si>
  <si>
    <t>XY13</t>
  </si>
  <si>
    <t>LED Matrix Driver SCL</t>
  </si>
  <si>
    <t>EXT_1_13_UART_RX</t>
  </si>
  <si>
    <t>X3 / Y9*</t>
  </si>
  <si>
    <t>XY19</t>
  </si>
  <si>
    <t>X11/Y27*</t>
  </si>
  <si>
    <t>X0/Y8</t>
  </si>
  <si>
    <t>EXT_1_14_UART_TX</t>
  </si>
  <si>
    <t>X2 / Y8*</t>
  </si>
  <si>
    <t>XY18</t>
  </si>
  <si>
    <t>X10/Y26*</t>
  </si>
  <si>
    <t>X1/Y9</t>
  </si>
  <si>
    <t>DS0</t>
  </si>
  <si>
    <t>EXT_1_15_SPI_SS</t>
  </si>
  <si>
    <t>X5/Y21*</t>
  </si>
  <si>
    <t>X9/Y9</t>
  </si>
  <si>
    <t>XY4</t>
  </si>
  <si>
    <t>LED 4</t>
  </si>
  <si>
    <t>EXT_1_16_SPI_MOSI</t>
  </si>
  <si>
    <t>X6/Y22*</t>
  </si>
  <si>
    <t>X8/Y8</t>
  </si>
  <si>
    <t>XY10</t>
  </si>
  <si>
    <t>Y-line 6 (Button 2)</t>
  </si>
  <si>
    <t>LED 5</t>
  </si>
  <si>
    <t>EXT_1_17_SPI_MISO</t>
  </si>
  <si>
    <t>X4/Y20*</t>
  </si>
  <si>
    <t>X7/Y7</t>
  </si>
  <si>
    <t>Y-line 0 (3217)</t>
  </si>
  <si>
    <t>EXT_1_18_SPI_SCK</t>
  </si>
  <si>
    <t>X7/Y23*</t>
  </si>
  <si>
    <t>X6/Y6</t>
  </si>
  <si>
    <t>XY11</t>
  </si>
  <si>
    <t>Y-line 7 (Button 1)</t>
  </si>
  <si>
    <t>Y-line 10</t>
  </si>
  <si>
    <t>Driven_shield</t>
  </si>
  <si>
    <t>EXT_2_03_ADC+</t>
  </si>
  <si>
    <t>X2</t>
  </si>
  <si>
    <t>XY24</t>
  </si>
  <si>
    <t>X0/Y6*</t>
  </si>
  <si>
    <t>X30/Y30</t>
  </si>
  <si>
    <t>EXT_2_04_ADC-</t>
  </si>
  <si>
    <t>X3</t>
  </si>
  <si>
    <t>XY25</t>
  </si>
  <si>
    <t>X1/Y17*</t>
  </si>
  <si>
    <t>EXT_2_05_GPIO1</t>
  </si>
  <si>
    <t>X8</t>
  </si>
  <si>
    <t>X2/Y18*</t>
  </si>
  <si>
    <t>X31/Y31</t>
  </si>
  <si>
    <t>EXT_2_06_GPIO2</t>
  </si>
  <si>
    <t>X9</t>
  </si>
  <si>
    <t>X3/Y19*</t>
  </si>
  <si>
    <t>X24/Y24</t>
  </si>
  <si>
    <t>EXT_2_07_PWM+</t>
  </si>
  <si>
    <t>X10</t>
  </si>
  <si>
    <t>X12</t>
  </si>
  <si>
    <t>X12/Y5</t>
  </si>
  <si>
    <t>XY20</t>
  </si>
  <si>
    <t>X28/Y28</t>
  </si>
  <si>
    <t>LED 8 (BTN1)</t>
  </si>
  <si>
    <t>X line 5</t>
  </si>
  <si>
    <t>EXT_2_08_PWM-</t>
  </si>
  <si>
    <t>X11</t>
  </si>
  <si>
    <t>X13</t>
  </si>
  <si>
    <t>XY21</t>
  </si>
  <si>
    <t>X29/Y29</t>
  </si>
  <si>
    <t>LED 9 (BTN2)</t>
  </si>
  <si>
    <t>X line 6</t>
  </si>
  <si>
    <t>EXT_2_09_GPIO_IRQ</t>
  </si>
  <si>
    <t>X14</t>
  </si>
  <si>
    <t>LED RED (RGB)</t>
  </si>
  <si>
    <t>X line 7</t>
  </si>
  <si>
    <t>EXT_2_10_GPIO_SS</t>
  </si>
  <si>
    <t>X15</t>
  </si>
  <si>
    <t>X20/Y20</t>
  </si>
  <si>
    <t>LED GREEN (RGB)</t>
  </si>
  <si>
    <t>X line 8</t>
  </si>
  <si>
    <t>EXT_2_11_TWI_SDA</t>
  </si>
  <si>
    <t>EXT_2_12_TWI_SCL</t>
  </si>
  <si>
    <t>X line 10</t>
  </si>
  <si>
    <t>EXT_2_13_UART_RX</t>
  </si>
  <si>
    <t>X7</t>
  </si>
  <si>
    <t>EXT_2_14_UART_TX</t>
  </si>
  <si>
    <t>X6</t>
  </si>
  <si>
    <t>EXT_2_15_SPI_SS</t>
  </si>
  <si>
    <t>X5</t>
  </si>
  <si>
    <t>XY29</t>
  </si>
  <si>
    <t>XY5</t>
  </si>
  <si>
    <t>LED BLUE (RGB)</t>
  </si>
  <si>
    <t>X line 9</t>
  </si>
  <si>
    <t>EXT_2_16_SPI_MOSI</t>
  </si>
  <si>
    <t>XY30</t>
  </si>
  <si>
    <t>EXT_2_17_SPI_MISO</t>
  </si>
  <si>
    <t>X4</t>
  </si>
  <si>
    <t>XY28</t>
  </si>
  <si>
    <t>EXT_2_18_SPI_SCK</t>
  </si>
  <si>
    <t>XY31</t>
  </si>
  <si>
    <t>EXT_3_03_ADC+</t>
  </si>
  <si>
    <t>X15/Y23</t>
  </si>
  <si>
    <t>EXT_3_04_ADC-</t>
  </si>
  <si>
    <t>EXT_3_05_GPIO1</t>
  </si>
  <si>
    <t>EXT_3_06_GPIO2</t>
  </si>
  <si>
    <t>X12/Y20</t>
  </si>
  <si>
    <t>EXT_3_07_PWM+</t>
  </si>
  <si>
    <t>X14/Y22</t>
  </si>
  <si>
    <t>EXT_3_08_PWM-</t>
  </si>
  <si>
    <t>X13/Y21</t>
  </si>
  <si>
    <t>EXT_3_09_GPIO_IRQ</t>
  </si>
  <si>
    <t>EXT_3_10_GPIO_SS</t>
  </si>
  <si>
    <t>EXT_3_11_TWI_SDA</t>
  </si>
  <si>
    <t>EXT_3_12_TWI_SCL</t>
  </si>
  <si>
    <t>EXT_3_13_UART_RX</t>
  </si>
  <si>
    <t>X2/Y10</t>
  </si>
  <si>
    <t>EXT_3_14_UART_TX</t>
  </si>
  <si>
    <t>X3/Y11</t>
  </si>
  <si>
    <t>EXT_3_15_SPI_SS</t>
  </si>
  <si>
    <t>X6/Y14</t>
  </si>
  <si>
    <t>EXT_3_16_SPI_MOSI</t>
  </si>
  <si>
    <t>EXT_3_17_SPI_MISO</t>
  </si>
  <si>
    <t>EXT_3_18_SPI_SCK</t>
  </si>
  <si>
    <t>EXT_4_03_ADC+</t>
  </si>
  <si>
    <t>EXT_4_04_ADC-</t>
  </si>
  <si>
    <t>EXT_4_05_GPIO1</t>
  </si>
  <si>
    <t>EXT_4_06_GPIO2</t>
  </si>
  <si>
    <t>EXT_4_07_PWM+</t>
  </si>
  <si>
    <t>EXT_4_08_PWM-</t>
  </si>
  <si>
    <t>EXT_4_09_GPIO_IRQ</t>
  </si>
  <si>
    <t>EXT_4_10_GPIO_SS</t>
  </si>
  <si>
    <t>X7/Y15</t>
  </si>
  <si>
    <t>EXT_4_11_TWI_SDA</t>
  </si>
  <si>
    <t>EXT_4_12_TWI_SCL</t>
  </si>
  <si>
    <t>EXT_4_13_UART_RX</t>
  </si>
  <si>
    <t>X8/Y16</t>
  </si>
  <si>
    <t>EXT_4_14_UART_TX</t>
  </si>
  <si>
    <t>X9/Y17</t>
  </si>
  <si>
    <t>EXT_4_15_SPI_SS</t>
  </si>
  <si>
    <t>EXT_4_16_SPI_MOSI</t>
  </si>
  <si>
    <t>EXT_4_17_SPI_MISO</t>
  </si>
  <si>
    <t>EXT_4_18_SPI_SCK</t>
  </si>
  <si>
    <t>Acquisition Modules</t>
  </si>
  <si>
    <t>Module Id</t>
  </si>
  <si>
    <t>Version</t>
  </si>
  <si>
    <t>START
 Release Version</t>
  </si>
  <si>
    <t>Detailed Change History Comments</t>
  </si>
  <si>
    <t>Post-processing Modules</t>
  </si>
  <si>
    <t>mega328pb autotune</t>
  </si>
  <si>
    <t>0x0001</t>
  </si>
  <si>
    <t>Release Build</t>
  </si>
  <si>
    <t xml:space="preserve">Keys </t>
  </si>
  <si>
    <t>0x0002</t>
  </si>
  <si>
    <t>Bugfix: PTC EOC Flag - GCC Optimization</t>
  </si>
  <si>
    <t>Bugfixes</t>
  </si>
  <si>
    <t>Bugfix: NODE_CAL_ERROR</t>
  </si>
  <si>
    <t>Reburst immedietely after signal change</t>
  </si>
  <si>
    <t>Rebuild for toolchain compatibility (wchar 32)</t>
  </si>
  <si>
    <t>4.0 &amp; 5.0</t>
  </si>
  <si>
    <t>mega328pb_runtime</t>
  </si>
  <si>
    <t>0x0003</t>
  </si>
  <si>
    <t>Frequency Hop Autotune</t>
  </si>
  <si>
    <t>0x0004</t>
  </si>
  <si>
    <t>Number of sensor field "num_sensors" is updated to uint16_t in         "qtm_freq_hop_0x0004_api.h" to support 256 channels</t>
  </si>
  <si>
    <t>tiny_81x autotune</t>
  </si>
  <si>
    <t>0x0007</t>
  </si>
  <si>
    <t xml:space="preserve">Frequency Hop </t>
  </si>
  <si>
    <t>0x0006</t>
  </si>
  <si>
    <t>Release Build(No Change as compared to Previous
 version, please refer Note-1 below)</t>
  </si>
  <si>
    <t>Number of sensor field "num_sensors" is updated to uint16_t in         "qtm_freq_hop_0x0006_api.h" to support 256 channels</t>
  </si>
  <si>
    <t>- Autotune threshold confiugration fix
- Improvemnts related to Autotune APIs and parameter checks</t>
  </si>
  <si>
    <t>tiny_81x_runtime</t>
  </si>
  <si>
    <t>0x0008</t>
  </si>
  <si>
    <t>Scroller</t>
  </si>
  <si>
    <t>0x000B</t>
  </si>
  <si>
    <t xml:space="preserve">               0.D</t>
  </si>
  <si>
    <t>samd1x_acquisition autotune</t>
  </si>
  <si>
    <t>0x0009</t>
  </si>
  <si>
    <t>Binding Layer</t>
  </si>
  <si>
    <t>0x0005</t>
  </si>
  <si>
    <t>Bugfix: Error passthrough</t>
  </si>
  <si>
    <t>Bugfix: Autoscan implementation</t>
  </si>
  <si>
    <t>Bugfix: Reburst handling</t>
  </si>
  <si>
    <t>Bugfix: Number of sensors</t>
  </si>
  <si>
    <t>Improved reburst handling</t>
  </si>
  <si>
    <t>Bugfix: PTC_Deinit</t>
  </si>
  <si>
    <t>Bugfix: PTC_Interrupt_Priority location</t>
  </si>
  <si>
    <t>- Y0 related bug fix.</t>
  </si>
  <si>
    <t>samd1x_acquisition_runtime</t>
  </si>
  <si>
    <t>0x000A</t>
  </si>
  <si>
    <t>Surface - Single contact</t>
  </si>
  <si>
    <t>0x0021</t>
  </si>
  <si>
    <t>5.0, 5.1 &amp; 6.0</t>
  </si>
  <si>
    <t>Release build</t>
  </si>
  <si>
    <t>Removed redundant code</t>
  </si>
  <si>
    <t>Bugfix: Trap invalid max delta on axis key 0, Abstract 'get_key_delta' function</t>
  </si>
  <si>
    <t>MISRA Fixes</t>
  </si>
  <si>
    <t>Bugfix: Negative delta on all axis keys</t>
  </si>
  <si>
    <t>mega324pb autotune</t>
  </si>
  <si>
    <t>0x000C</t>
  </si>
  <si>
    <t>Surface - Dual contact indication</t>
  </si>
  <si>
    <t>0x0025</t>
  </si>
  <si>
    <t>GIT Repo corrupted</t>
  </si>
  <si>
    <t>Current measure channel made Global</t>
  </si>
  <si>
    <t>mega324pb_acquisition_runtime</t>
  </si>
  <si>
    <t>0x0011</t>
  </si>
  <si>
    <t>Gestures</t>
  </si>
  <si>
    <t>0x0023</t>
  </si>
  <si>
    <t>Bugfix: Single touch surface + gesture was sometimes recognized as dual touch.</t>
  </si>
  <si>
    <t>qtm_surface_cs_32x32</t>
  </si>
  <si>
    <t>0x003b</t>
  </si>
  <si>
    <t>tiny_161x_321x autotune</t>
  </si>
  <si>
    <t>0x0017</t>
  </si>
  <si>
    <t>qtm_surface_cs_2t_32x32</t>
  </si>
  <si>
    <t>0x003c</t>
  </si>
  <si>
    <t>T3217 Rev C Silicon bug workaround / de_init PINEN1</t>
  </si>
  <si>
    <t>tiny_161x_321x_runtime</t>
  </si>
  <si>
    <t>0x0018</t>
  </si>
  <si>
    <t>samd20 autotune</t>
  </si>
  <si>
    <t>0x000E</t>
  </si>
  <si>
    <t>samd20_acquisition_runtime</t>
  </si>
  <si>
    <t>0x0012</t>
  </si>
  <si>
    <t>same5x_samd5x_acquisition</t>
  </si>
  <si>
    <t>0x000F</t>
  </si>
  <si>
    <t>Driven Shield and Driven shield plus update support and PTC interrupt priority range change.</t>
  </si>
  <si>
    <t>samd21_ha1_da1 autotune</t>
  </si>
  <si>
    <t>0x0024</t>
  </si>
  <si>
    <t>Driven shield APIs added</t>
  </si>
  <si>
    <t>current_measure_channel made as Global</t>
  </si>
  <si>
    <t>Autoscan parameter checks / bug fixes</t>
  </si>
  <si>
    <t>Driven shield and Driven Shield Plus Support added.</t>
  </si>
  <si>
    <t>samc20_c21 autotune</t>
  </si>
  <si>
    <t>0x0020</t>
  </si>
  <si>
    <t>- in SAMC2xN devices sometimes CSD is configured as zero in PTC registers even when non-zero value is configured in touch.h file.
'- Driven Shield feaure included</t>
  </si>
  <si>
    <t>saml21 autotune</t>
  </si>
  <si>
    <t>0x0026</t>
  </si>
  <si>
    <t>saml22 autotune</t>
  </si>
  <si>
    <t>0x0028</t>
  </si>
  <si>
    <t>saml10_l11 autotune</t>
  </si>
  <si>
    <t>0x0027</t>
  </si>
  <si>
    <t>Release Build(Bugfix:Minimum CSD = 4)</t>
  </si>
  <si>
    <t>t1617_t3217_autotune_4p</t>
  </si>
  <si>
    <t>0x001b </t>
  </si>
  <si>
    <t>t1617_t3217_runtime_4p</t>
  </si>
  <si>
    <t xml:space="preserve">0x001d </t>
  </si>
  <si>
    <t>saml10_saml11_autotune_4p</t>
  </si>
  <si>
    <t>0x0033</t>
  </si>
  <si>
    <t>qtm_avr_da_acquisition</t>
  </si>
  <si>
    <t>0x0037</t>
  </si>
  <si>
    <t>qtm_avr_da_acq_4p</t>
  </si>
  <si>
    <t>0x0038</t>
  </si>
  <si>
    <t>Note-1:</t>
  </si>
  <si>
    <t>Some of the modules having only minor version in previos release 4.0  are updated with 1.0 as Build version  in 5.0 START Release.This is added to align the versioning numbers.</t>
  </si>
  <si>
    <t>Note-2:</t>
  </si>
  <si>
    <t>If there are no updates in the module, then the START
 Release Version is not updated.</t>
  </si>
  <si>
    <t>Module Version</t>
  </si>
  <si>
    <t>Surface - Single contact (32x32</t>
  </si>
  <si>
    <t>0x003B</t>
  </si>
  <si>
    <t>Surface - Dual contact indication (32x32)</t>
  </si>
  <si>
    <t>0x003C</t>
  </si>
  <si>
    <t>qtm_t1617_acq_4p</t>
  </si>
  <si>
    <t>qtm_t1617_acq_runtime_4p</t>
  </si>
  <si>
    <t>qtm_saml10_acq_4p</t>
  </si>
  <si>
    <r>
      <rPr>
        <b/>
        <sz val="11"/>
        <color theme="1"/>
        <rFont val="Calibri"/>
        <family val="2"/>
        <scheme val="minor"/>
      </rPr>
      <t>Module Firmware version:</t>
    </r>
    <r>
      <rPr>
        <sz val="11"/>
        <color theme="1"/>
        <rFont val="Calibri"/>
        <family val="2"/>
        <scheme val="minor"/>
      </rPr>
      <t xml:space="preserve">
 - Upper nibble = major version (API Spec Change )
- Lower nibble = minor version (Bug Fixes) </t>
    </r>
  </si>
  <si>
    <t>Note:</t>
  </si>
  <si>
    <t xml:space="preserve">The below modules are rebuilt from Jenikins due to IAR version update (7.10 to 7.20), since the source code is not modified, the module version is not affected. </t>
  </si>
  <si>
    <t>Attiny 161x, 321x acquisition runtime</t>
  </si>
  <si>
    <t>Attiny 161x, 321x acquisition autotune</t>
  </si>
  <si>
    <t>CNanoTouch Adaptor Pin No</t>
  </si>
  <si>
    <t>CNanoTouch Adaptor EXT</t>
  </si>
  <si>
    <t>Curiosity Nano Pin</t>
  </si>
  <si>
    <t>PIC 16F18446 Curiosity Nano</t>
  </si>
  <si>
    <t>EXT1 XY1</t>
  </si>
  <si>
    <t>RC5</t>
  </si>
  <si>
    <t>PA4</t>
  </si>
  <si>
    <t>EXT1 XY3</t>
  </si>
  <si>
    <t>RA5</t>
  </si>
  <si>
    <t>PD7</t>
  </si>
  <si>
    <t>EXT1 XY5</t>
  </si>
  <si>
    <t>RC4</t>
  </si>
  <si>
    <t>PA5</t>
  </si>
  <si>
    <t>EXT1 XY7</t>
  </si>
  <si>
    <t>RA4</t>
  </si>
  <si>
    <t>PD6</t>
  </si>
  <si>
    <t>EXT1 XY2</t>
  </si>
  <si>
    <t>RC2</t>
  </si>
  <si>
    <t>PD5</t>
  </si>
  <si>
    <t>EXT1 XY4</t>
  </si>
  <si>
    <t>RC3</t>
  </si>
  <si>
    <t>PD0</t>
  </si>
  <si>
    <t>EXT1 XY6</t>
  </si>
  <si>
    <t>RC6</t>
  </si>
  <si>
    <t>PA6</t>
  </si>
  <si>
    <t>EXT1 XY8</t>
  </si>
  <si>
    <t>RA1</t>
  </si>
  <si>
    <t>PD1</t>
  </si>
  <si>
    <t>I2C _SDA</t>
  </si>
  <si>
    <t>RB5</t>
  </si>
  <si>
    <t>PC2</t>
  </si>
  <si>
    <t>I2C _SCL</t>
  </si>
  <si>
    <t>RB7</t>
  </si>
  <si>
    <t>PC3</t>
  </si>
  <si>
    <t>EXT1 XY13</t>
  </si>
  <si>
    <t>RB6</t>
  </si>
  <si>
    <t>PA1</t>
  </si>
  <si>
    <t>EXT1 XY14</t>
  </si>
  <si>
    <t>RB4</t>
  </si>
  <si>
    <t>PA0</t>
  </si>
  <si>
    <t>EXT1 XY9</t>
  </si>
  <si>
    <t>RC7</t>
  </si>
  <si>
    <t>PA7</t>
  </si>
  <si>
    <t>EXT1 XY10</t>
  </si>
  <si>
    <t>RC0</t>
  </si>
  <si>
    <t>PD3</t>
  </si>
  <si>
    <t>EXT1 XY11</t>
  </si>
  <si>
    <t>RA2</t>
  </si>
  <si>
    <t>PD2</t>
  </si>
  <si>
    <t>EXT1 XY12</t>
  </si>
  <si>
    <t>RC1</t>
  </si>
  <si>
    <t>PD4</t>
  </si>
  <si>
    <t>EXT2 XY15</t>
  </si>
  <si>
    <t>PF4</t>
  </si>
  <si>
    <t>EXT2 XY17</t>
  </si>
  <si>
    <t>PE3</t>
  </si>
  <si>
    <t>EXT2 XY19</t>
  </si>
  <si>
    <t>PF5</t>
  </si>
  <si>
    <t>EXT2 XY21</t>
  </si>
  <si>
    <t>PE2</t>
  </si>
  <si>
    <t>EXT2 XY16</t>
  </si>
  <si>
    <t>PF2</t>
  </si>
  <si>
    <t>EXT2 XY18</t>
  </si>
  <si>
    <t>PE1</t>
  </si>
  <si>
    <t>EXT2 XY20</t>
  </si>
  <si>
    <t>PF3</t>
  </si>
  <si>
    <t>EXT2 XY22</t>
  </si>
  <si>
    <t>PE0</t>
  </si>
  <si>
    <t>EXT2 XY27</t>
  </si>
  <si>
    <t>PB2</t>
  </si>
  <si>
    <t>EXT2 XY28</t>
  </si>
  <si>
    <t>PB5</t>
  </si>
  <si>
    <t>EXT2 XY23</t>
  </si>
  <si>
    <t>PB0</t>
  </si>
  <si>
    <t>EXT2 XY24</t>
  </si>
  <si>
    <t>PA3</t>
  </si>
  <si>
    <t>EXT2 XY25</t>
  </si>
  <si>
    <t>PB1</t>
  </si>
  <si>
    <t>EXT2 XY26</t>
  </si>
  <si>
    <t>PA2</t>
  </si>
  <si>
    <t>AVR128DA48 Curiosity Nano</t>
  </si>
  <si>
    <t>Curiosity Nano Touch XPRO Pin Compatibility</t>
  </si>
  <si>
    <t>Details on Touch XPRO compatibility with different CNANO MCU Boards</t>
  </si>
  <si>
    <t>Details on QTx XPRO compatibilty with different MCUs supporting touch</t>
  </si>
  <si>
    <t>Bug fix related to wheel position reporting</t>
  </si>
  <si>
    <t>Scroller module's header updated to make it compatible to work with Surface module</t>
  </si>
  <si>
    <t>Rel 7.3 Modules Information</t>
  </si>
  <si>
    <t>Rel 7.4 Modules Information</t>
  </si>
  <si>
    <t>1.3 &amp; 1.4</t>
  </si>
  <si>
    <t>- Issue related to control stuck at calibration if the sensor cap is zero is fixed.
- Pin configuration issue for XC32 compiler is fixed (this is applicable for GCC and IAR compilers)</t>
  </si>
  <si>
    <t>QTouch library module version history for Start 7.4 Release</t>
  </si>
  <si>
    <t>QTouch library module version history for Start 7.3 Release</t>
  </si>
  <si>
    <t>Signal value is scalled by a factor of 2.</t>
  </si>
  <si>
    <t>1.1 &amp; 1.2</t>
  </si>
  <si>
    <t>qtm_avr128da_acquisition
qtm_avr64da_acquisition
qtm_avr32da_acquisition</t>
  </si>
  <si>
    <t>qtm_avr128da_acq_4p
qtm_avr64da_acq_4p
qtm_avr32da_acq_4p</t>
  </si>
  <si>
    <t>- Bug fix related to 2L shield (2L shield is not supported in START yet)
- Library support for 32K flash device added
*** Library name is changed from avr_da to avr128da</t>
  </si>
  <si>
    <t>Signal value is scalled by a factor of 2.
- Library support for 32K flash device added
*** Library name is changed from avr_da to avr128da</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
    <numFmt numFmtId="165" formatCode="0.0;[Red]0.0"/>
    <numFmt numFmtId="166" formatCode="0.000"/>
  </numFmts>
  <fonts count="28">
    <font>
      <sz val="11"/>
      <color theme="1"/>
      <name val="Calibri"/>
      <family val="2"/>
      <scheme val="minor"/>
    </font>
    <font>
      <b/>
      <sz val="11"/>
      <color theme="1"/>
      <name val="Calibri"/>
      <family val="2"/>
      <scheme val="minor"/>
    </font>
    <font>
      <b/>
      <sz val="11"/>
      <color theme="0"/>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i/>
      <sz val="11"/>
      <color rgb="FF7F7F7F"/>
      <name val="Calibri"/>
      <family val="2"/>
      <scheme val="minor"/>
    </font>
    <font>
      <sz val="11"/>
      <color theme="0"/>
      <name val="Calibri"/>
      <family val="2"/>
      <scheme val="minor"/>
    </font>
    <font>
      <sz val="11"/>
      <color rgb="FF9C6500"/>
      <name val="Calibri"/>
      <family val="2"/>
      <scheme val="minor"/>
    </font>
    <font>
      <b/>
      <sz val="11"/>
      <color theme="1"/>
      <name val="Calibri"/>
      <family val="2"/>
    </font>
    <font>
      <sz val="11"/>
      <color rgb="FF9C5700"/>
      <name val="Calibri"/>
      <family val="2"/>
      <scheme val="minor"/>
    </font>
    <font>
      <b/>
      <sz val="14"/>
      <color theme="1"/>
      <name val="Calibri"/>
      <family val="2"/>
      <scheme val="minor"/>
    </font>
    <font>
      <b/>
      <sz val="12"/>
      <color theme="1"/>
      <name val="Calibri"/>
      <family val="2"/>
      <scheme val="minor"/>
    </font>
    <font>
      <sz val="11"/>
      <color rgb="FF000000"/>
      <name val="Calibri"/>
      <family val="2"/>
      <scheme val="minor"/>
    </font>
    <font>
      <b/>
      <sz val="11"/>
      <color rgb="FF000000"/>
      <name val="Calibri"/>
      <family val="2"/>
      <scheme val="minor"/>
    </font>
    <font>
      <u/>
      <sz val="11"/>
      <color theme="10"/>
      <name val="Calibri"/>
      <family val="2"/>
      <scheme val="minor"/>
    </font>
    <font>
      <sz val="11"/>
      <name val="Calibri"/>
      <family val="2"/>
      <scheme val="minor"/>
    </font>
    <font>
      <sz val="10"/>
      <color rgb="FF000000"/>
      <name val="Arial Unicode MS"/>
    </font>
    <font>
      <b/>
      <sz val="11"/>
      <name val="Calibri"/>
      <family val="2"/>
      <scheme val="minor"/>
    </font>
  </fonts>
  <fills count="58">
    <fill>
      <patternFill patternType="none"/>
    </fill>
    <fill>
      <patternFill patternType="gray125"/>
    </fill>
    <fill>
      <patternFill patternType="solid">
        <fgColor theme="4"/>
        <bgColor theme="4"/>
      </patternFill>
    </fill>
    <fill>
      <patternFill patternType="solid">
        <fgColor theme="4" tint="0.79998168889431442"/>
        <bgColor theme="4" tint="0.79998168889431442"/>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39997558519241921"/>
        <bgColor indexed="64"/>
      </patternFill>
    </fill>
    <fill>
      <patternFill patternType="solid">
        <fgColor theme="4" tint="0.79998168889431442"/>
        <bgColor indexed="64"/>
      </patternFill>
    </fill>
    <fill>
      <patternFill patternType="solid">
        <fgColor rgb="FF00B0F0"/>
        <bgColor indexed="64"/>
      </patternFill>
    </fill>
    <fill>
      <patternFill patternType="solid">
        <fgColor rgb="FF92D050"/>
        <bgColor indexed="64"/>
      </patternFill>
    </fill>
    <fill>
      <patternFill patternType="solid">
        <fgColor rgb="FFFFC000"/>
        <bgColor indexed="64"/>
      </patternFill>
    </fill>
    <fill>
      <patternFill patternType="solid">
        <fgColor rgb="FFFFFF00"/>
        <bgColor indexed="64"/>
      </patternFill>
    </fill>
    <fill>
      <patternFill patternType="solid">
        <fgColor theme="0" tint="-0.14999847407452621"/>
        <bgColor indexed="64"/>
      </patternFill>
    </fill>
    <fill>
      <patternFill patternType="solid">
        <fgColor theme="4" tint="0.59999389629810485"/>
        <bgColor indexed="64"/>
      </patternFill>
    </fill>
    <fill>
      <patternFill patternType="solid">
        <fgColor theme="7" tint="0.59999389629810485"/>
        <bgColor indexed="64"/>
      </patternFill>
    </fill>
    <fill>
      <patternFill patternType="solid">
        <fgColor theme="9" tint="0.39997558519241921"/>
        <bgColor indexed="64"/>
      </patternFill>
    </fill>
    <fill>
      <patternFill patternType="solid">
        <fgColor theme="9"/>
        <bgColor indexed="64"/>
      </patternFill>
    </fill>
    <fill>
      <patternFill patternType="solid">
        <fgColor theme="7" tint="0.79998168889431442"/>
        <bgColor indexed="64"/>
      </patternFill>
    </fill>
    <fill>
      <patternFill patternType="solid">
        <fgColor theme="0" tint="-0.249977111117893"/>
        <bgColor indexed="64"/>
      </patternFill>
    </fill>
    <fill>
      <patternFill patternType="solid">
        <fgColor theme="1" tint="0.499984740745262"/>
        <bgColor indexed="64"/>
      </patternFill>
    </fill>
    <fill>
      <patternFill patternType="solid">
        <fgColor theme="2" tint="-9.9978637043366805E-2"/>
        <bgColor indexed="64"/>
      </patternFill>
    </fill>
    <fill>
      <patternFill patternType="solid">
        <fgColor theme="5" tint="0.79998168889431442"/>
        <bgColor indexed="64"/>
      </patternFill>
    </fill>
    <fill>
      <patternFill patternType="solid">
        <fgColor rgb="FFFFFFCC"/>
        <bgColor indexed="64"/>
      </patternFill>
    </fill>
    <fill>
      <patternFill patternType="solid">
        <fgColor theme="3" tint="0.59999389629810485"/>
        <bgColor indexed="64"/>
      </patternFill>
    </fill>
    <fill>
      <patternFill patternType="solid">
        <fgColor theme="0"/>
        <bgColor indexed="64"/>
      </patternFill>
    </fill>
    <fill>
      <patternFill patternType="solid">
        <fgColor theme="9" tint="0.59999389629810485"/>
        <bgColor indexed="64"/>
      </patternFill>
    </fill>
    <fill>
      <patternFill patternType="solid">
        <fgColor theme="0" tint="-4.9989318521683403E-2"/>
        <bgColor indexed="64"/>
      </patternFill>
    </fill>
    <fill>
      <patternFill patternType="solid">
        <fgColor theme="5" tint="0.59999389629810485"/>
        <bgColor indexed="64"/>
      </patternFill>
    </fill>
    <fill>
      <patternFill patternType="solid">
        <fgColor theme="5"/>
        <bgColor indexed="64"/>
      </patternFill>
    </fill>
  </fills>
  <borders count="63">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theme="4" tint="0.39994506668294322"/>
      </left>
      <right style="thin">
        <color theme="4" tint="0.39994506668294322"/>
      </right>
      <top style="thin">
        <color theme="4" tint="0.39994506668294322"/>
      </top>
      <bottom style="thin">
        <color theme="4" tint="0.39994506668294322"/>
      </bottom>
      <diagonal/>
    </border>
    <border>
      <left/>
      <right style="thin">
        <color theme="4" tint="0.39997558519241921"/>
      </right>
      <top style="thin">
        <color theme="4" tint="0.39997558519241921"/>
      </top>
      <bottom/>
      <diagonal/>
    </border>
    <border>
      <left/>
      <right style="thin">
        <color theme="4" tint="0.39997558519241921"/>
      </right>
      <top/>
      <bottom style="thin">
        <color theme="4" tint="0.39997558519241921"/>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indexed="64"/>
      </left>
      <right style="thin">
        <color indexed="64"/>
      </right>
      <top/>
      <bottom/>
      <diagonal/>
    </border>
    <border>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ck">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style="thin">
        <color indexed="64"/>
      </left>
      <right style="thick">
        <color indexed="64"/>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bottom/>
      <diagonal/>
    </border>
    <border>
      <left style="thin">
        <color indexed="64"/>
      </left>
      <right/>
      <top/>
      <bottom/>
      <diagonal/>
    </border>
    <border>
      <left style="medium">
        <color indexed="64"/>
      </left>
      <right style="medium">
        <color indexed="64"/>
      </right>
      <top style="thin">
        <color indexed="64"/>
      </top>
      <bottom/>
      <diagonal/>
    </border>
    <border>
      <left style="medium">
        <color indexed="64"/>
      </left>
      <right style="medium">
        <color indexed="64"/>
      </right>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style="medium">
        <color indexed="64"/>
      </left>
      <right style="thin">
        <color indexed="64"/>
      </right>
      <top/>
      <bottom style="thin">
        <color indexed="64"/>
      </bottom>
      <diagonal/>
    </border>
  </borders>
  <cellStyleXfs count="44">
    <xf numFmtId="0" fontId="0" fillId="0" borderId="0"/>
    <xf numFmtId="0" fontId="4" fillId="0" borderId="0" applyNumberFormat="0" applyFill="0" applyBorder="0" applyAlignment="0" applyProtection="0"/>
    <xf numFmtId="0" fontId="5" fillId="0" borderId="3" applyNumberFormat="0" applyFill="0" applyAlignment="0" applyProtection="0"/>
    <xf numFmtId="0" fontId="6" fillId="0" borderId="4" applyNumberFormat="0" applyFill="0" applyAlignment="0" applyProtection="0"/>
    <xf numFmtId="0" fontId="7" fillId="0" borderId="5" applyNumberFormat="0" applyFill="0" applyAlignment="0" applyProtection="0"/>
    <xf numFmtId="0" fontId="7" fillId="0" borderId="0" applyNumberFormat="0" applyFill="0" applyBorder="0" applyAlignment="0" applyProtection="0"/>
    <xf numFmtId="0" fontId="8" fillId="4" borderId="0" applyNumberFormat="0" applyBorder="0" applyAlignment="0" applyProtection="0"/>
    <xf numFmtId="0" fontId="9" fillId="5" borderId="0" applyNumberFormat="0" applyBorder="0" applyAlignment="0" applyProtection="0"/>
    <xf numFmtId="0" fontId="10" fillId="7" borderId="6" applyNumberFormat="0" applyAlignment="0" applyProtection="0"/>
    <xf numFmtId="0" fontId="11" fillId="8" borderId="7" applyNumberFormat="0" applyAlignment="0" applyProtection="0"/>
    <xf numFmtId="0" fontId="12" fillId="8" borderId="6" applyNumberFormat="0" applyAlignment="0" applyProtection="0"/>
    <xf numFmtId="0" fontId="13" fillId="0" borderId="8" applyNumberFormat="0" applyFill="0" applyAlignment="0" applyProtection="0"/>
    <xf numFmtId="0" fontId="2" fillId="9" borderId="9" applyNumberFormat="0" applyAlignment="0" applyProtection="0"/>
    <xf numFmtId="0" fontId="14" fillId="0" borderId="0" applyNumberFormat="0" applyFill="0" applyBorder="0" applyAlignment="0" applyProtection="0"/>
    <xf numFmtId="0" fontId="3" fillId="10" borderId="10" applyNumberFormat="0" applyFont="0" applyAlignment="0" applyProtection="0"/>
    <xf numFmtId="0" fontId="15" fillId="0" borderId="0" applyNumberFormat="0" applyFill="0" applyBorder="0" applyAlignment="0" applyProtection="0"/>
    <xf numFmtId="0" fontId="1" fillId="0" borderId="11" applyNumberFormat="0" applyFill="0" applyAlignment="0" applyProtection="0"/>
    <xf numFmtId="0" fontId="16" fillId="11" borderId="0" applyNumberFormat="0" applyBorder="0" applyAlignment="0" applyProtection="0"/>
    <xf numFmtId="0" fontId="3" fillId="12" borderId="0" applyNumberFormat="0" applyBorder="0" applyAlignment="0" applyProtection="0"/>
    <xf numFmtId="0" fontId="3" fillId="13" borderId="0" applyNumberFormat="0" applyBorder="0" applyAlignment="0" applyProtection="0"/>
    <xf numFmtId="0" fontId="16" fillId="15" borderId="0" applyNumberFormat="0" applyBorder="0" applyAlignment="0" applyProtection="0"/>
    <xf numFmtId="0" fontId="3" fillId="16" borderId="0" applyNumberFormat="0" applyBorder="0" applyAlignment="0" applyProtection="0"/>
    <xf numFmtId="0" fontId="3" fillId="17" borderId="0" applyNumberFormat="0" applyBorder="0" applyAlignment="0" applyProtection="0"/>
    <xf numFmtId="0" fontId="16" fillId="19" borderId="0" applyNumberFormat="0" applyBorder="0" applyAlignment="0" applyProtection="0"/>
    <xf numFmtId="0" fontId="3" fillId="20" borderId="0" applyNumberFormat="0" applyBorder="0" applyAlignment="0" applyProtection="0"/>
    <xf numFmtId="0" fontId="3" fillId="21" borderId="0" applyNumberFormat="0" applyBorder="0" applyAlignment="0" applyProtection="0"/>
    <xf numFmtId="0" fontId="16" fillId="23" borderId="0" applyNumberFormat="0" applyBorder="0" applyAlignment="0" applyProtection="0"/>
    <xf numFmtId="0" fontId="3" fillId="24" borderId="0" applyNumberFormat="0" applyBorder="0" applyAlignment="0" applyProtection="0"/>
    <xf numFmtId="0" fontId="3" fillId="25" borderId="0" applyNumberFormat="0" applyBorder="0" applyAlignment="0" applyProtection="0"/>
    <xf numFmtId="0" fontId="16" fillId="27" borderId="0" applyNumberFormat="0" applyBorder="0" applyAlignment="0" applyProtection="0"/>
    <xf numFmtId="0" fontId="3" fillId="28" borderId="0" applyNumberFormat="0" applyBorder="0" applyAlignment="0" applyProtection="0"/>
    <xf numFmtId="0" fontId="3" fillId="29" borderId="0" applyNumberFormat="0" applyBorder="0" applyAlignment="0" applyProtection="0"/>
    <xf numFmtId="0" fontId="16" fillId="31" borderId="0" applyNumberFormat="0" applyBorder="0" applyAlignment="0" applyProtection="0"/>
    <xf numFmtId="0" fontId="3" fillId="32" borderId="0" applyNumberFormat="0" applyBorder="0" applyAlignment="0" applyProtection="0"/>
    <xf numFmtId="0" fontId="3" fillId="33" borderId="0" applyNumberFormat="0" applyBorder="0" applyAlignment="0" applyProtection="0"/>
    <xf numFmtId="0" fontId="17" fillId="6" borderId="0" applyNumberFormat="0" applyBorder="0" applyAlignment="0" applyProtection="0"/>
    <xf numFmtId="0" fontId="16" fillId="14" borderId="0" applyNumberFormat="0" applyBorder="0" applyAlignment="0" applyProtection="0"/>
    <xf numFmtId="0" fontId="16" fillId="18" borderId="0" applyNumberFormat="0" applyBorder="0" applyAlignment="0" applyProtection="0"/>
    <xf numFmtId="0" fontId="16" fillId="22" borderId="0" applyNumberFormat="0" applyBorder="0" applyAlignment="0" applyProtection="0"/>
    <xf numFmtId="0" fontId="16" fillId="26" borderId="0" applyNumberFormat="0" applyBorder="0" applyAlignment="0" applyProtection="0"/>
    <xf numFmtId="0" fontId="16" fillId="30" borderId="0" applyNumberFormat="0" applyBorder="0" applyAlignment="0" applyProtection="0"/>
    <xf numFmtId="0" fontId="16" fillId="34" borderId="0" applyNumberFormat="0" applyBorder="0" applyAlignment="0" applyProtection="0"/>
    <xf numFmtId="0" fontId="19" fillId="6" borderId="0" applyNumberFormat="0" applyBorder="0" applyAlignment="0" applyProtection="0"/>
    <xf numFmtId="0" fontId="24" fillId="0" borderId="0" applyNumberFormat="0" applyFill="0" applyBorder="0" applyAlignment="0" applyProtection="0"/>
  </cellStyleXfs>
  <cellXfs count="248">
    <xf numFmtId="0" fontId="0" fillId="0" borderId="0" xfId="0"/>
    <xf numFmtId="0" fontId="0" fillId="0" borderId="0" xfId="0" applyAlignment="1">
      <alignment wrapText="1"/>
    </xf>
    <xf numFmtId="0" fontId="2" fillId="2" borderId="2" xfId="0" applyFont="1" applyFill="1" applyBorder="1" applyAlignment="1">
      <alignment horizontal="center" vertical="center" wrapText="1"/>
    </xf>
    <xf numFmtId="0" fontId="0" fillId="3" borderId="1" xfId="0" applyFill="1" applyBorder="1" applyAlignment="1">
      <alignment horizontal="center"/>
    </xf>
    <xf numFmtId="0" fontId="0" fillId="3" borderId="2" xfId="0" applyFill="1" applyBorder="1" applyAlignment="1">
      <alignment horizontal="center"/>
    </xf>
    <xf numFmtId="0" fontId="0" fillId="0" borderId="2" xfId="0" applyBorder="1" applyAlignment="1">
      <alignment horizontal="center"/>
    </xf>
    <xf numFmtId="0" fontId="0" fillId="0" borderId="13" xfId="0" applyBorder="1" applyAlignment="1">
      <alignment horizontal="center"/>
    </xf>
    <xf numFmtId="0" fontId="0" fillId="3" borderId="12" xfId="0" applyFill="1" applyBorder="1" applyAlignment="1">
      <alignment horizontal="center"/>
    </xf>
    <xf numFmtId="0" fontId="0" fillId="0" borderId="14" xfId="0" applyBorder="1" applyAlignment="1">
      <alignment horizontal="center"/>
    </xf>
    <xf numFmtId="0" fontId="18" fillId="35" borderId="15" xfId="0" applyFont="1" applyFill="1" applyBorder="1" applyAlignment="1">
      <alignment horizontal="center" vertical="center"/>
    </xf>
    <xf numFmtId="0" fontId="18" fillId="35" borderId="16" xfId="0" applyFont="1" applyFill="1" applyBorder="1" applyAlignment="1">
      <alignment horizontal="center" vertical="center" wrapText="1"/>
    </xf>
    <xf numFmtId="0" fontId="1" fillId="35" borderId="16" xfId="0" applyFont="1" applyFill="1" applyBorder="1" applyAlignment="1">
      <alignment horizontal="center" vertical="center" wrapText="1"/>
    </xf>
    <xf numFmtId="0" fontId="1" fillId="35" borderId="17" xfId="0" applyFont="1" applyFill="1" applyBorder="1" applyAlignment="1">
      <alignment horizontal="center" vertical="center" wrapText="1"/>
    </xf>
    <xf numFmtId="0" fontId="0" fillId="36" borderId="0" xfId="0" applyFill="1"/>
    <xf numFmtId="0" fontId="0" fillId="0" borderId="18" xfId="0" applyBorder="1" applyAlignment="1">
      <alignment horizontal="center"/>
    </xf>
    <xf numFmtId="0" fontId="0" fillId="0" borderId="19" xfId="0" applyBorder="1" applyAlignment="1">
      <alignment horizontal="center"/>
    </xf>
    <xf numFmtId="0" fontId="0" fillId="0" borderId="20" xfId="0" applyBorder="1" applyAlignment="1">
      <alignment horizontal="center"/>
    </xf>
    <xf numFmtId="0" fontId="0" fillId="36" borderId="18" xfId="0" applyFill="1" applyBorder="1" applyAlignment="1">
      <alignment horizontal="center"/>
    </xf>
    <xf numFmtId="0" fontId="0" fillId="36" borderId="19" xfId="0" applyFill="1" applyBorder="1" applyAlignment="1">
      <alignment horizontal="center"/>
    </xf>
    <xf numFmtId="0" fontId="0" fillId="36" borderId="20" xfId="0" applyFill="1" applyBorder="1" applyAlignment="1">
      <alignment horizontal="center"/>
    </xf>
    <xf numFmtId="0" fontId="0" fillId="36" borderId="21" xfId="0" applyFill="1" applyBorder="1"/>
    <xf numFmtId="0" fontId="1" fillId="0" borderId="19" xfId="0" applyFont="1" applyBorder="1" applyAlignment="1">
      <alignment horizontal="left" wrapText="1"/>
    </xf>
    <xf numFmtId="0" fontId="1" fillId="0" borderId="19" xfId="0" applyFont="1" applyBorder="1" applyAlignment="1">
      <alignment horizontal="left"/>
    </xf>
    <xf numFmtId="0" fontId="0" fillId="0" borderId="19" xfId="0" applyBorder="1"/>
    <xf numFmtId="0" fontId="1" fillId="37" borderId="19" xfId="0" applyFont="1" applyFill="1" applyBorder="1" applyAlignment="1">
      <alignment horizontal="left"/>
    </xf>
    <xf numFmtId="0" fontId="0" fillId="37" borderId="19" xfId="0" applyFill="1" applyBorder="1"/>
    <xf numFmtId="0" fontId="0" fillId="0" borderId="19" xfId="0" applyBorder="1" applyAlignment="1">
      <alignment horizontal="left"/>
    </xf>
    <xf numFmtId="0" fontId="0" fillId="38" borderId="19" xfId="0" applyFill="1" applyBorder="1" applyAlignment="1">
      <alignment horizontal="left"/>
    </xf>
    <xf numFmtId="0" fontId="0" fillId="39" borderId="19" xfId="0" applyFill="1" applyBorder="1" applyAlignment="1">
      <alignment horizontal="left"/>
    </xf>
    <xf numFmtId="0" fontId="0" fillId="40" borderId="19" xfId="0" applyFill="1" applyBorder="1"/>
    <xf numFmtId="0" fontId="0" fillId="40" borderId="19" xfId="0" applyFill="1" applyBorder="1" applyAlignment="1">
      <alignment wrapText="1"/>
    </xf>
    <xf numFmtId="0" fontId="0" fillId="37" borderId="19" xfId="0" applyFill="1" applyBorder="1" applyAlignment="1">
      <alignment horizontal="left"/>
    </xf>
    <xf numFmtId="0" fontId="0" fillId="0" borderId="19" xfId="0" applyBorder="1" applyAlignment="1">
      <alignment horizontal="left" wrapText="1"/>
    </xf>
    <xf numFmtId="0" fontId="0" fillId="0" borderId="19" xfId="0" applyBorder="1" applyAlignment="1">
      <alignment wrapText="1"/>
    </xf>
    <xf numFmtId="164" fontId="0" fillId="0" borderId="19" xfId="0" applyNumberFormat="1" applyBorder="1"/>
    <xf numFmtId="164" fontId="0" fillId="0" borderId="0" xfId="0" applyNumberFormat="1"/>
    <xf numFmtId="0" fontId="0" fillId="0" borderId="0" xfId="0" applyAlignment="1">
      <alignment horizontal="center"/>
    </xf>
    <xf numFmtId="165" fontId="0" fillId="0" borderId="0" xfId="0" applyNumberFormat="1" applyAlignment="1">
      <alignment horizontal="center" wrapText="1"/>
    </xf>
    <xf numFmtId="164" fontId="0" fillId="0" borderId="0" xfId="0" applyNumberFormat="1" applyAlignment="1">
      <alignment horizontal="center"/>
    </xf>
    <xf numFmtId="0" fontId="20" fillId="0" borderId="24" xfId="0" applyFont="1" applyBorder="1" applyAlignment="1">
      <alignment horizontal="center"/>
    </xf>
    <xf numFmtId="0" fontId="20" fillId="0" borderId="25" xfId="0" applyFont="1" applyBorder="1" applyAlignment="1">
      <alignment horizontal="center"/>
    </xf>
    <xf numFmtId="165" fontId="20" fillId="0" borderId="25" xfId="0" applyNumberFormat="1" applyFont="1" applyBorder="1" applyAlignment="1">
      <alignment horizontal="center" wrapText="1"/>
    </xf>
    <xf numFmtId="0" fontId="0" fillId="0" borderId="16" xfId="0" applyBorder="1" applyAlignment="1">
      <alignment horizontal="left"/>
    </xf>
    <xf numFmtId="0" fontId="0" fillId="0" borderId="16" xfId="0" applyBorder="1" applyAlignment="1">
      <alignment horizontal="center"/>
    </xf>
    <xf numFmtId="165" fontId="19" fillId="6" borderId="19" xfId="42" applyNumberFormat="1" applyBorder="1" applyAlignment="1">
      <alignment horizontal="center" wrapText="1"/>
    </xf>
    <xf numFmtId="164" fontId="19" fillId="6" borderId="16" xfId="42" applyNumberFormat="1" applyBorder="1" applyAlignment="1">
      <alignment horizontal="center"/>
    </xf>
    <xf numFmtId="164" fontId="19" fillId="6" borderId="19" xfId="42" applyNumberFormat="1" applyBorder="1" applyAlignment="1">
      <alignment horizontal="center"/>
    </xf>
    <xf numFmtId="165" fontId="19" fillId="6" borderId="19" xfId="42" applyNumberFormat="1" applyBorder="1" applyAlignment="1">
      <alignment horizontal="center"/>
    </xf>
    <xf numFmtId="164" fontId="0" fillId="0" borderId="19" xfId="0" applyNumberFormat="1" applyBorder="1" applyAlignment="1">
      <alignment horizontal="center"/>
    </xf>
    <xf numFmtId="165" fontId="0" fillId="0" borderId="19" xfId="0" applyNumberFormat="1" applyBorder="1" applyAlignment="1">
      <alignment horizontal="center" wrapText="1"/>
    </xf>
    <xf numFmtId="0" fontId="0" fillId="0" borderId="0" xfId="0" applyAlignment="1">
      <alignment horizontal="center" wrapText="1"/>
    </xf>
    <xf numFmtId="0" fontId="1" fillId="0" borderId="26" xfId="0" applyFont="1" applyBorder="1" applyAlignment="1">
      <alignment horizontal="left"/>
    </xf>
    <xf numFmtId="0" fontId="0" fillId="39" borderId="19" xfId="0" applyFill="1" applyBorder="1" applyAlignment="1">
      <alignment horizontal="left" vertical="center"/>
    </xf>
    <xf numFmtId="0" fontId="21" fillId="0" borderId="0" xfId="0" applyFont="1"/>
    <xf numFmtId="0" fontId="22" fillId="0" borderId="19" xfId="0" applyFont="1" applyBorder="1" applyAlignment="1">
      <alignment horizontal="center" vertical="center"/>
    </xf>
    <xf numFmtId="0" fontId="23" fillId="42" borderId="19" xfId="0" applyFont="1" applyFill="1" applyBorder="1" applyAlignment="1">
      <alignment horizontal="center" vertical="center" wrapText="1"/>
    </xf>
    <xf numFmtId="166" fontId="0" fillId="40" borderId="19" xfId="0" applyNumberFormat="1" applyFill="1" applyBorder="1" applyAlignment="1">
      <alignment horizontal="center" vertical="center"/>
    </xf>
    <xf numFmtId="166" fontId="22" fillId="40" borderId="19" xfId="0" applyNumberFormat="1" applyFont="1" applyFill="1" applyBorder="1" applyAlignment="1">
      <alignment horizontal="center" vertical="center"/>
    </xf>
    <xf numFmtId="166" fontId="22" fillId="40" borderId="18" xfId="0" applyNumberFormat="1" applyFont="1" applyFill="1" applyBorder="1" applyAlignment="1">
      <alignment horizontal="center" vertical="center"/>
    </xf>
    <xf numFmtId="166" fontId="0" fillId="0" borderId="19" xfId="0" applyNumberFormat="1" applyBorder="1" applyAlignment="1">
      <alignment horizontal="center" vertical="center"/>
    </xf>
    <xf numFmtId="166" fontId="22" fillId="0" borderId="19" xfId="0" applyNumberFormat="1" applyFont="1" applyBorder="1" applyAlignment="1">
      <alignment horizontal="center" vertical="center"/>
    </xf>
    <xf numFmtId="166" fontId="22" fillId="0" borderId="18" xfId="0" applyNumberFormat="1" applyFont="1" applyBorder="1" applyAlignment="1">
      <alignment horizontal="center" vertical="center"/>
    </xf>
    <xf numFmtId="166" fontId="0" fillId="41" borderId="19" xfId="0" applyNumberFormat="1" applyFill="1" applyBorder="1" applyAlignment="1">
      <alignment horizontal="center"/>
    </xf>
    <xf numFmtId="166" fontId="0" fillId="41" borderId="16" xfId="0" applyNumberFormat="1" applyFill="1" applyBorder="1" applyAlignment="1">
      <alignment horizontal="center"/>
    </xf>
    <xf numFmtId="0" fontId="0" fillId="40" borderId="19" xfId="0" applyFill="1" applyBorder="1" applyAlignment="1">
      <alignment horizontal="center"/>
    </xf>
    <xf numFmtId="0" fontId="24" fillId="0" borderId="0" xfId="43"/>
    <xf numFmtId="0" fontId="25" fillId="41" borderId="19" xfId="0" applyFont="1" applyFill="1" applyBorder="1" applyAlignment="1">
      <alignment horizontal="center"/>
    </xf>
    <xf numFmtId="0" fontId="25" fillId="41" borderId="19" xfId="6" applyFont="1" applyFill="1" applyBorder="1" applyAlignment="1">
      <alignment horizontal="center"/>
    </xf>
    <xf numFmtId="0" fontId="25" fillId="47" borderId="19" xfId="6" applyFont="1" applyFill="1" applyBorder="1" applyAlignment="1">
      <alignment horizontal="center"/>
    </xf>
    <xf numFmtId="0" fontId="25" fillId="47" borderId="19" xfId="0" applyFont="1" applyFill="1" applyBorder="1" applyAlignment="1">
      <alignment horizontal="center"/>
    </xf>
    <xf numFmtId="0" fontId="25" fillId="50" borderId="19" xfId="0" applyFont="1" applyFill="1" applyBorder="1" applyAlignment="1">
      <alignment horizontal="center"/>
    </xf>
    <xf numFmtId="0" fontId="25" fillId="0" borderId="19" xfId="0" applyFont="1" applyBorder="1" applyAlignment="1">
      <alignment horizontal="center"/>
    </xf>
    <xf numFmtId="0" fontId="25" fillId="48" borderId="19" xfId="0" applyFont="1" applyFill="1" applyBorder="1" applyAlignment="1">
      <alignment horizontal="left"/>
    </xf>
    <xf numFmtId="0" fontId="25" fillId="50" borderId="19" xfId="0" applyFont="1" applyFill="1" applyBorder="1" applyAlignment="1">
      <alignment horizontal="center" vertical="center"/>
    </xf>
    <xf numFmtId="0" fontId="0" fillId="41" borderId="19" xfId="0" applyFill="1" applyBorder="1" applyAlignment="1">
      <alignment horizontal="center"/>
    </xf>
    <xf numFmtId="0" fontId="0" fillId="0" borderId="0" xfId="0" applyAlignment="1">
      <alignment horizontal="left"/>
    </xf>
    <xf numFmtId="164" fontId="0" fillId="0" borderId="19" xfId="0" applyNumberFormat="1" applyBorder="1" applyAlignment="1">
      <alignment horizontal="right"/>
    </xf>
    <xf numFmtId="164" fontId="0" fillId="0" borderId="0" xfId="0" applyNumberFormat="1" applyAlignment="1">
      <alignment horizontal="right"/>
    </xf>
    <xf numFmtId="0" fontId="0" fillId="0" borderId="18" xfId="0" applyBorder="1"/>
    <xf numFmtId="0" fontId="0" fillId="51" borderId="32" xfId="0" applyFill="1" applyBorder="1" applyAlignment="1">
      <alignment horizontal="left"/>
    </xf>
    <xf numFmtId="0" fontId="0" fillId="51" borderId="33" xfId="0" applyFill="1" applyBorder="1" applyAlignment="1">
      <alignment horizontal="center"/>
    </xf>
    <xf numFmtId="164" fontId="0" fillId="51" borderId="33" xfId="0" applyNumberFormat="1" applyFill="1" applyBorder="1"/>
    <xf numFmtId="164" fontId="0" fillId="51" borderId="33" xfId="0" applyNumberFormat="1" applyFill="1" applyBorder="1" applyAlignment="1">
      <alignment horizontal="right"/>
    </xf>
    <xf numFmtId="0" fontId="0" fillId="51" borderId="35" xfId="0" applyFill="1" applyBorder="1" applyAlignment="1">
      <alignment horizontal="left"/>
    </xf>
    <xf numFmtId="0" fontId="0" fillId="51" borderId="19" xfId="0" applyFill="1" applyBorder="1" applyAlignment="1">
      <alignment horizontal="center"/>
    </xf>
    <xf numFmtId="164" fontId="0" fillId="51" borderId="19" xfId="0" applyNumberFormat="1" applyFill="1" applyBorder="1"/>
    <xf numFmtId="164" fontId="0" fillId="51" borderId="19" xfId="0" applyNumberFormat="1" applyFill="1" applyBorder="1" applyAlignment="1">
      <alignment horizontal="right"/>
    </xf>
    <xf numFmtId="0" fontId="0" fillId="51" borderId="37" xfId="0" applyFill="1" applyBorder="1" applyAlignment="1">
      <alignment horizontal="left"/>
    </xf>
    <xf numFmtId="0" fontId="0" fillId="51" borderId="38" xfId="0" applyFill="1" applyBorder="1" applyAlignment="1">
      <alignment horizontal="center"/>
    </xf>
    <xf numFmtId="164" fontId="0" fillId="51" borderId="38" xfId="0" applyNumberFormat="1" applyFill="1" applyBorder="1"/>
    <xf numFmtId="164" fontId="0" fillId="51" borderId="38" xfId="0" applyNumberFormat="1" applyFill="1" applyBorder="1" applyAlignment="1">
      <alignment horizontal="right"/>
    </xf>
    <xf numFmtId="0" fontId="0" fillId="36" borderId="32" xfId="0" applyFill="1" applyBorder="1"/>
    <xf numFmtId="0" fontId="0" fillId="36" borderId="33" xfId="0" applyFill="1" applyBorder="1" applyAlignment="1">
      <alignment horizontal="center"/>
    </xf>
    <xf numFmtId="164" fontId="0" fillId="36" borderId="33" xfId="0" applyNumberFormat="1" applyFill="1" applyBorder="1"/>
    <xf numFmtId="164" fontId="0" fillId="36" borderId="33" xfId="0" applyNumberFormat="1" applyFill="1" applyBorder="1" applyAlignment="1">
      <alignment horizontal="right"/>
    </xf>
    <xf numFmtId="0" fontId="0" fillId="36" borderId="35" xfId="0" applyFill="1" applyBorder="1"/>
    <xf numFmtId="164" fontId="0" fillId="36" borderId="19" xfId="0" applyNumberFormat="1" applyFill="1" applyBorder="1"/>
    <xf numFmtId="164" fontId="0" fillId="36" borderId="19" xfId="0" applyNumberFormat="1" applyFill="1" applyBorder="1" applyAlignment="1">
      <alignment horizontal="right"/>
    </xf>
    <xf numFmtId="0" fontId="0" fillId="36" borderId="37" xfId="0" applyFill="1" applyBorder="1"/>
    <xf numFmtId="0" fontId="0" fillId="36" borderId="38" xfId="0" applyFill="1" applyBorder="1" applyAlignment="1">
      <alignment horizontal="center"/>
    </xf>
    <xf numFmtId="164" fontId="0" fillId="36" borderId="38" xfId="0" applyNumberFormat="1" applyFill="1" applyBorder="1"/>
    <xf numFmtId="164" fontId="0" fillId="36" borderId="38" xfId="0" applyNumberFormat="1" applyFill="1" applyBorder="1" applyAlignment="1">
      <alignment horizontal="right"/>
    </xf>
    <xf numFmtId="0" fontId="0" fillId="36" borderId="32" xfId="0" applyFill="1" applyBorder="1" applyAlignment="1">
      <alignment horizontal="left"/>
    </xf>
    <xf numFmtId="0" fontId="0" fillId="36" borderId="35" xfId="0" applyFill="1" applyBorder="1" applyAlignment="1">
      <alignment horizontal="left"/>
    </xf>
    <xf numFmtId="0" fontId="0" fillId="36" borderId="37" xfId="0" applyFill="1" applyBorder="1" applyAlignment="1">
      <alignment horizontal="left"/>
    </xf>
    <xf numFmtId="0" fontId="0" fillId="36" borderId="39" xfId="0" quotePrefix="1" applyFill="1" applyBorder="1" applyAlignment="1">
      <alignment wrapText="1"/>
    </xf>
    <xf numFmtId="0" fontId="0" fillId="36" borderId="36" xfId="0" applyFill="1" applyBorder="1" applyAlignment="1">
      <alignment wrapText="1"/>
    </xf>
    <xf numFmtId="0" fontId="0" fillId="36" borderId="39" xfId="0" applyFill="1" applyBorder="1" applyAlignment="1">
      <alignment wrapText="1"/>
    </xf>
    <xf numFmtId="0" fontId="0" fillId="36" borderId="24" xfId="0" applyFill="1" applyBorder="1" applyAlignment="1">
      <alignment horizontal="left"/>
    </xf>
    <xf numFmtId="0" fontId="0" fillId="36" borderId="25" xfId="0" applyFill="1" applyBorder="1" applyAlignment="1">
      <alignment horizontal="center"/>
    </xf>
    <xf numFmtId="164" fontId="0" fillId="36" borderId="25" xfId="0" applyNumberFormat="1" applyFill="1" applyBorder="1"/>
    <xf numFmtId="164" fontId="0" fillId="36" borderId="25" xfId="0" applyNumberFormat="1" applyFill="1" applyBorder="1" applyAlignment="1">
      <alignment horizontal="right"/>
    </xf>
    <xf numFmtId="0" fontId="0" fillId="36" borderId="40" xfId="0" quotePrefix="1" applyFill="1" applyBorder="1" applyAlignment="1">
      <alignment wrapText="1"/>
    </xf>
    <xf numFmtId="0" fontId="0" fillId="36" borderId="15" xfId="0" applyFill="1" applyBorder="1"/>
    <xf numFmtId="0" fontId="0" fillId="36" borderId="16" xfId="0" applyFill="1" applyBorder="1" applyAlignment="1">
      <alignment horizontal="center"/>
    </xf>
    <xf numFmtId="164" fontId="0" fillId="36" borderId="16" xfId="0" applyNumberFormat="1" applyFill="1" applyBorder="1"/>
    <xf numFmtId="164" fontId="0" fillId="36" borderId="16" xfId="0" applyNumberFormat="1" applyFill="1" applyBorder="1" applyAlignment="1">
      <alignment horizontal="right"/>
    </xf>
    <xf numFmtId="0" fontId="0" fillId="36" borderId="18" xfId="0" applyFill="1" applyBorder="1"/>
    <xf numFmtId="0" fontId="0" fillId="36" borderId="22" xfId="0" applyFill="1" applyBorder="1" applyAlignment="1">
      <alignment horizontal="center"/>
    </xf>
    <xf numFmtId="164" fontId="0" fillId="36" borderId="22" xfId="0" applyNumberFormat="1" applyFill="1" applyBorder="1"/>
    <xf numFmtId="164" fontId="0" fillId="36" borderId="22" xfId="0" applyNumberFormat="1" applyFill="1" applyBorder="1" applyAlignment="1">
      <alignment horizontal="right"/>
    </xf>
    <xf numFmtId="0" fontId="0" fillId="51" borderId="32" xfId="0" applyFill="1" applyBorder="1"/>
    <xf numFmtId="0" fontId="0" fillId="51" borderId="35" xfId="0" applyFill="1" applyBorder="1"/>
    <xf numFmtId="0" fontId="0" fillId="51" borderId="37" xfId="0" applyFill="1" applyBorder="1"/>
    <xf numFmtId="0" fontId="0" fillId="51" borderId="36" xfId="0" applyFill="1" applyBorder="1" applyAlignment="1">
      <alignment wrapText="1"/>
    </xf>
    <xf numFmtId="0" fontId="0" fillId="51" borderId="39" xfId="0" quotePrefix="1" applyFill="1" applyBorder="1" applyAlignment="1">
      <alignment wrapText="1"/>
    </xf>
    <xf numFmtId="164" fontId="0" fillId="51" borderId="41" xfId="0" applyNumberFormat="1" applyFill="1" applyBorder="1" applyAlignment="1">
      <alignment horizontal="right"/>
    </xf>
    <xf numFmtId="0" fontId="0" fillId="51" borderId="24" xfId="0" applyFill="1" applyBorder="1" applyAlignment="1">
      <alignment horizontal="left"/>
    </xf>
    <xf numFmtId="0" fontId="0" fillId="51" borderId="25" xfId="0" applyFill="1" applyBorder="1" applyAlignment="1">
      <alignment horizontal="center"/>
    </xf>
    <xf numFmtId="164" fontId="0" fillId="51" borderId="25" xfId="0" applyNumberFormat="1" applyFill="1" applyBorder="1"/>
    <xf numFmtId="164" fontId="0" fillId="51" borderId="25" xfId="0" applyNumberFormat="1" applyFill="1" applyBorder="1" applyAlignment="1">
      <alignment horizontal="right"/>
    </xf>
    <xf numFmtId="0" fontId="0" fillId="51" borderId="38" xfId="0" applyFill="1" applyBorder="1"/>
    <xf numFmtId="0" fontId="0" fillId="51" borderId="39" xfId="0" applyFill="1" applyBorder="1" applyAlignment="1">
      <alignment wrapText="1"/>
    </xf>
    <xf numFmtId="164" fontId="0" fillId="51" borderId="22" xfId="0" applyNumberFormat="1" applyFill="1" applyBorder="1"/>
    <xf numFmtId="0" fontId="20" fillId="49" borderId="24" xfId="0" applyFont="1" applyFill="1" applyBorder="1" applyAlignment="1">
      <alignment horizontal="center"/>
    </xf>
    <xf numFmtId="0" fontId="20" fillId="49" borderId="25" xfId="0" applyFont="1" applyFill="1" applyBorder="1" applyAlignment="1">
      <alignment horizontal="center"/>
    </xf>
    <xf numFmtId="0" fontId="20" fillId="49" borderId="25" xfId="0" applyFont="1" applyFill="1" applyBorder="1" applyAlignment="1">
      <alignment horizontal="right" wrapText="1"/>
    </xf>
    <xf numFmtId="0" fontId="20" fillId="49" borderId="45" xfId="0" applyFont="1" applyFill="1" applyBorder="1" applyAlignment="1">
      <alignment horizontal="center"/>
    </xf>
    <xf numFmtId="0" fontId="20" fillId="49" borderId="44" xfId="0" applyFont="1" applyFill="1" applyBorder="1" applyAlignment="1">
      <alignment horizontal="center" wrapText="1"/>
    </xf>
    <xf numFmtId="0" fontId="0" fillId="51" borderId="34" xfId="0" applyFill="1" applyBorder="1" applyAlignment="1">
      <alignment wrapText="1"/>
    </xf>
    <xf numFmtId="0" fontId="0" fillId="36" borderId="34" xfId="0" applyFill="1" applyBorder="1" applyAlignment="1">
      <alignment wrapText="1"/>
    </xf>
    <xf numFmtId="0" fontId="0" fillId="36" borderId="40" xfId="0" applyFill="1" applyBorder="1" applyAlignment="1">
      <alignment wrapText="1"/>
    </xf>
    <xf numFmtId="0" fontId="0" fillId="51" borderId="40" xfId="0" applyFill="1" applyBorder="1" applyAlignment="1">
      <alignment wrapText="1"/>
    </xf>
    <xf numFmtId="0" fontId="0" fillId="0" borderId="31" xfId="0" applyBorder="1" applyAlignment="1">
      <alignment wrapText="1"/>
    </xf>
    <xf numFmtId="0" fontId="20" fillId="49" borderId="40" xfId="0" applyFont="1" applyFill="1" applyBorder="1" applyAlignment="1">
      <alignment horizontal="center" wrapText="1"/>
    </xf>
    <xf numFmtId="0" fontId="0" fillId="36" borderId="16" xfId="0" applyFill="1" applyBorder="1" applyAlignment="1">
      <alignment wrapText="1"/>
    </xf>
    <xf numFmtId="0" fontId="0" fillId="36" borderId="19" xfId="0" applyFill="1" applyBorder="1" applyAlignment="1">
      <alignment wrapText="1"/>
    </xf>
    <xf numFmtId="0" fontId="0" fillId="36" borderId="22" xfId="0" applyFill="1" applyBorder="1" applyAlignment="1">
      <alignment wrapText="1"/>
    </xf>
    <xf numFmtId="0" fontId="26" fillId="51" borderId="42" xfId="0" applyFont="1" applyFill="1" applyBorder="1" applyAlignment="1">
      <alignment vertical="center" wrapText="1"/>
    </xf>
    <xf numFmtId="0" fontId="26" fillId="51" borderId="43" xfId="0" applyFont="1" applyFill="1" applyBorder="1" applyAlignment="1">
      <alignment vertical="center" wrapText="1"/>
    </xf>
    <xf numFmtId="0" fontId="0" fillId="36" borderId="46" xfId="0" applyFill="1" applyBorder="1" applyAlignment="1">
      <alignment horizontal="left"/>
    </xf>
    <xf numFmtId="0" fontId="0" fillId="36" borderId="26" xfId="0" applyFill="1" applyBorder="1" applyAlignment="1">
      <alignment horizontal="center"/>
    </xf>
    <xf numFmtId="164" fontId="0" fillId="36" borderId="26" xfId="0" applyNumberFormat="1" applyFill="1" applyBorder="1"/>
    <xf numFmtId="164" fontId="0" fillId="36" borderId="26" xfId="0" applyNumberFormat="1" applyFill="1" applyBorder="1" applyAlignment="1">
      <alignment horizontal="right"/>
    </xf>
    <xf numFmtId="0" fontId="0" fillId="36" borderId="47" xfId="0" applyFill="1" applyBorder="1" applyAlignment="1">
      <alignment wrapText="1"/>
    </xf>
    <xf numFmtId="0" fontId="0" fillId="36" borderId="39" xfId="0" applyFill="1" applyBorder="1" applyAlignment="1">
      <alignment horizontal="center" wrapText="1"/>
    </xf>
    <xf numFmtId="0" fontId="0" fillId="51" borderId="48" xfId="0" applyFill="1" applyBorder="1"/>
    <xf numFmtId="0" fontId="0" fillId="51" borderId="49" xfId="0" applyFill="1" applyBorder="1"/>
    <xf numFmtId="164" fontId="0" fillId="51" borderId="49" xfId="0" applyNumberFormat="1" applyFill="1" applyBorder="1"/>
    <xf numFmtId="0" fontId="0" fillId="51" borderId="50" xfId="0" applyFill="1" applyBorder="1" applyAlignment="1">
      <alignment wrapText="1"/>
    </xf>
    <xf numFmtId="0" fontId="24" fillId="0" borderId="0" xfId="43" applyFill="1"/>
    <xf numFmtId="164" fontId="0" fillId="51" borderId="26" xfId="0" applyNumberFormat="1" applyFill="1" applyBorder="1"/>
    <xf numFmtId="0" fontId="0" fillId="48" borderId="19" xfId="0" applyFill="1" applyBorder="1" applyAlignment="1">
      <alignment horizontal="left"/>
    </xf>
    <xf numFmtId="0" fontId="25" fillId="48" borderId="19" xfId="0" applyFont="1" applyFill="1" applyBorder="1" applyAlignment="1">
      <alignment horizontal="left" vertical="center"/>
    </xf>
    <xf numFmtId="0" fontId="25" fillId="52" borderId="19" xfId="0" applyFont="1" applyFill="1" applyBorder="1" applyAlignment="1">
      <alignment horizontal="center"/>
    </xf>
    <xf numFmtId="0" fontId="25" fillId="46" borderId="19" xfId="0" applyFont="1" applyFill="1" applyBorder="1" applyAlignment="1">
      <alignment horizontal="center"/>
    </xf>
    <xf numFmtId="0" fontId="0" fillId="51" borderId="21" xfId="0" applyFill="1" applyBorder="1" applyAlignment="1">
      <alignment horizontal="center"/>
    </xf>
    <xf numFmtId="0" fontId="0" fillId="51" borderId="51" xfId="0" applyFill="1" applyBorder="1" applyAlignment="1">
      <alignment horizontal="center"/>
    </xf>
    <xf numFmtId="0" fontId="0" fillId="51" borderId="53" xfId="0" applyFill="1" applyBorder="1" applyAlignment="1">
      <alignment horizontal="left"/>
    </xf>
    <xf numFmtId="0" fontId="0" fillId="51" borderId="54" xfId="0" applyFill="1" applyBorder="1" applyAlignment="1">
      <alignment horizontal="left"/>
    </xf>
    <xf numFmtId="164" fontId="0" fillId="51" borderId="23" xfId="0" applyNumberFormat="1" applyFill="1" applyBorder="1" applyAlignment="1">
      <alignment horizontal="right"/>
    </xf>
    <xf numFmtId="164" fontId="0" fillId="51" borderId="52" xfId="0" applyNumberFormat="1" applyFill="1" applyBorder="1" applyAlignment="1">
      <alignment horizontal="right"/>
    </xf>
    <xf numFmtId="0" fontId="0" fillId="51" borderId="53" xfId="0" applyFill="1" applyBorder="1" applyAlignment="1">
      <alignment wrapText="1"/>
    </xf>
    <xf numFmtId="0" fontId="0" fillId="51" borderId="54" xfId="0" applyFill="1" applyBorder="1" applyAlignment="1">
      <alignment wrapText="1"/>
    </xf>
    <xf numFmtId="0" fontId="0" fillId="51" borderId="46" xfId="0" applyFill="1" applyBorder="1" applyAlignment="1">
      <alignment horizontal="left"/>
    </xf>
    <xf numFmtId="0" fontId="0" fillId="51" borderId="26" xfId="0" applyFill="1" applyBorder="1" applyAlignment="1">
      <alignment horizontal="center"/>
    </xf>
    <xf numFmtId="0" fontId="1" fillId="0" borderId="0" xfId="0" applyFont="1" applyAlignment="1">
      <alignment wrapText="1"/>
    </xf>
    <xf numFmtId="0" fontId="1" fillId="0" borderId="0" xfId="0" applyFont="1"/>
    <xf numFmtId="0" fontId="23" fillId="42" borderId="19" xfId="0" applyFont="1" applyFill="1" applyBorder="1" applyAlignment="1">
      <alignment horizontal="center" vertical="center"/>
    </xf>
    <xf numFmtId="164" fontId="0" fillId="51" borderId="49" xfId="0" applyNumberFormat="1" applyFill="1" applyBorder="1" applyAlignment="1">
      <alignment horizontal="right"/>
    </xf>
    <xf numFmtId="0" fontId="0" fillId="0" borderId="0" xfId="0" applyFill="1" applyAlignment="1">
      <alignment horizontal="center"/>
    </xf>
    <xf numFmtId="0" fontId="0" fillId="36" borderId="21" xfId="0" applyFill="1" applyBorder="1" applyAlignment="1">
      <alignment horizontal="center"/>
    </xf>
    <xf numFmtId="0" fontId="0" fillId="36" borderId="23" xfId="0" applyFill="1" applyBorder="1" applyAlignment="1">
      <alignment horizontal="center"/>
    </xf>
    <xf numFmtId="0" fontId="1" fillId="0" borderId="19" xfId="0" applyFont="1" applyFill="1" applyBorder="1" applyAlignment="1">
      <alignment horizontal="left" wrapText="1"/>
    </xf>
    <xf numFmtId="0" fontId="25" fillId="53" borderId="0" xfId="0" applyFont="1" applyFill="1" applyAlignment="1">
      <alignment horizontal="center"/>
    </xf>
    <xf numFmtId="0" fontId="25" fillId="53" borderId="0" xfId="0" applyFont="1" applyFill="1" applyAlignment="1">
      <alignment horizontal="left" wrapText="1"/>
    </xf>
    <xf numFmtId="0" fontId="25" fillId="55" borderId="19" xfId="0" applyFont="1" applyFill="1" applyBorder="1" applyAlignment="1">
      <alignment horizontal="center"/>
    </xf>
    <xf numFmtId="0" fontId="25" fillId="54" borderId="19" xfId="6" applyFont="1" applyFill="1" applyBorder="1" applyAlignment="1">
      <alignment horizontal="center"/>
    </xf>
    <xf numFmtId="0" fontId="25" fillId="56" borderId="19" xfId="0" applyFont="1" applyFill="1" applyBorder="1" applyAlignment="1">
      <alignment horizontal="center"/>
    </xf>
    <xf numFmtId="0" fontId="27" fillId="54" borderId="19" xfId="0" applyFont="1" applyFill="1" applyBorder="1" applyAlignment="1">
      <alignment horizontal="center" vertical="center" wrapText="1"/>
    </xf>
    <xf numFmtId="0" fontId="27" fillId="54" borderId="35" xfId="0" applyFont="1" applyFill="1" applyBorder="1" applyAlignment="1">
      <alignment horizontal="center" vertical="center" wrapText="1"/>
    </xf>
    <xf numFmtId="0" fontId="27" fillId="54" borderId="36" xfId="0" applyFont="1" applyFill="1" applyBorder="1" applyAlignment="1">
      <alignment horizontal="center" vertical="center" wrapText="1"/>
    </xf>
    <xf numFmtId="0" fontId="25" fillId="55" borderId="35" xfId="0" applyFont="1" applyFill="1" applyBorder="1" applyAlignment="1">
      <alignment horizontal="center"/>
    </xf>
    <xf numFmtId="0" fontId="25" fillId="41" borderId="36" xfId="6" applyFont="1" applyFill="1" applyBorder="1" applyAlignment="1">
      <alignment horizontal="center"/>
    </xf>
    <xf numFmtId="0" fontId="25" fillId="56" borderId="35" xfId="0" applyFont="1" applyFill="1" applyBorder="1" applyAlignment="1">
      <alignment horizontal="center"/>
    </xf>
    <xf numFmtId="0" fontId="25" fillId="54" borderId="36" xfId="6" applyFont="1" applyFill="1" applyBorder="1" applyAlignment="1">
      <alignment horizontal="center"/>
    </xf>
    <xf numFmtId="0" fontId="25" fillId="56" borderId="37" xfId="0" applyFont="1" applyFill="1" applyBorder="1" applyAlignment="1">
      <alignment horizontal="center"/>
    </xf>
    <xf numFmtId="0" fontId="25" fillId="54" borderId="38" xfId="6" applyFont="1" applyFill="1" applyBorder="1" applyAlignment="1">
      <alignment horizontal="center"/>
    </xf>
    <xf numFmtId="0" fontId="25" fillId="56" borderId="38" xfId="0" applyFont="1" applyFill="1" applyBorder="1" applyAlignment="1">
      <alignment horizontal="center"/>
    </xf>
    <xf numFmtId="0" fontId="25" fillId="54" borderId="39" xfId="6" applyFont="1" applyFill="1" applyBorder="1" applyAlignment="1">
      <alignment horizontal="center"/>
    </xf>
    <xf numFmtId="0" fontId="25" fillId="55" borderId="36" xfId="0" applyFont="1" applyFill="1" applyBorder="1" applyAlignment="1">
      <alignment horizontal="center"/>
    </xf>
    <xf numFmtId="0" fontId="25" fillId="41" borderId="35" xfId="6" applyFont="1" applyFill="1" applyBorder="1" applyAlignment="1">
      <alignment horizontal="center"/>
    </xf>
    <xf numFmtId="0" fontId="25" fillId="54" borderId="35" xfId="6" applyFont="1" applyFill="1" applyBorder="1" applyAlignment="1">
      <alignment horizontal="center"/>
    </xf>
    <xf numFmtId="0" fontId="25" fillId="56" borderId="36" xfId="0" applyFont="1" applyFill="1" applyBorder="1" applyAlignment="1">
      <alignment horizontal="center"/>
    </xf>
    <xf numFmtId="0" fontId="25" fillId="54" borderId="37" xfId="6" applyFont="1" applyFill="1" applyBorder="1" applyAlignment="1">
      <alignment horizontal="center"/>
    </xf>
    <xf numFmtId="0" fontId="25" fillId="56" borderId="39" xfId="0" applyFont="1" applyFill="1" applyBorder="1" applyAlignment="1">
      <alignment horizontal="center"/>
    </xf>
    <xf numFmtId="0" fontId="0" fillId="51" borderId="39" xfId="0" applyFill="1" applyBorder="1" applyAlignment="1">
      <alignment horizontal="left" vertical="top" wrapText="1"/>
    </xf>
    <xf numFmtId="0" fontId="0" fillId="0" borderId="0" xfId="0" applyBorder="1"/>
    <xf numFmtId="0" fontId="0" fillId="0" borderId="0" xfId="0" applyBorder="1" applyAlignment="1">
      <alignment horizontal="center"/>
    </xf>
    <xf numFmtId="164" fontId="0" fillId="0" borderId="0" xfId="0" applyNumberFormat="1" applyBorder="1"/>
    <xf numFmtId="164" fontId="0" fillId="0" borderId="0" xfId="0" applyNumberFormat="1" applyBorder="1" applyAlignment="1">
      <alignment horizontal="right"/>
    </xf>
    <xf numFmtId="0" fontId="0" fillId="0" borderId="0" xfId="0" applyBorder="1" applyAlignment="1">
      <alignment wrapText="1"/>
    </xf>
    <xf numFmtId="0" fontId="0" fillId="36" borderId="24" xfId="0" applyFill="1" applyBorder="1" applyAlignment="1">
      <alignment horizontal="left" wrapText="1"/>
    </xf>
    <xf numFmtId="0" fontId="0" fillId="51" borderId="24" xfId="0" applyFill="1" applyBorder="1" applyAlignment="1">
      <alignment horizontal="left" wrapText="1"/>
    </xf>
    <xf numFmtId="0" fontId="23" fillId="45" borderId="20" xfId="0" applyFont="1" applyFill="1" applyBorder="1" applyAlignment="1">
      <alignment horizontal="left" vertical="center"/>
    </xf>
    <xf numFmtId="0" fontId="23" fillId="45" borderId="27" xfId="0" applyFont="1" applyFill="1" applyBorder="1" applyAlignment="1">
      <alignment horizontal="left" vertical="center"/>
    </xf>
    <xf numFmtId="0" fontId="23" fillId="45" borderId="18" xfId="0" applyFont="1" applyFill="1" applyBorder="1" applyAlignment="1">
      <alignment horizontal="left" vertical="center"/>
    </xf>
    <xf numFmtId="0" fontId="1" fillId="41" borderId="20" xfId="0" applyFont="1" applyFill="1" applyBorder="1" applyAlignment="1">
      <alignment horizontal="center"/>
    </xf>
    <xf numFmtId="0" fontId="1" fillId="41" borderId="27" xfId="0" applyFont="1" applyFill="1" applyBorder="1" applyAlignment="1">
      <alignment horizontal="center"/>
    </xf>
    <xf numFmtId="0" fontId="1" fillId="41" borderId="18" xfId="0" applyFont="1" applyFill="1" applyBorder="1" applyAlignment="1">
      <alignment horizontal="center"/>
    </xf>
    <xf numFmtId="0" fontId="1" fillId="43" borderId="19" xfId="0" applyFont="1" applyFill="1" applyBorder="1" applyAlignment="1">
      <alignment horizontal="center"/>
    </xf>
    <xf numFmtId="0" fontId="23" fillId="42" borderId="19" xfId="0" applyFont="1" applyFill="1" applyBorder="1" applyAlignment="1">
      <alignment horizontal="center" vertical="center"/>
    </xf>
    <xf numFmtId="0" fontId="1" fillId="44" borderId="20" xfId="0" applyFont="1" applyFill="1" applyBorder="1" applyAlignment="1">
      <alignment horizontal="center"/>
    </xf>
    <xf numFmtId="0" fontId="1" fillId="44" borderId="27" xfId="0" applyFont="1" applyFill="1" applyBorder="1" applyAlignment="1">
      <alignment horizontal="center"/>
    </xf>
    <xf numFmtId="0" fontId="1" fillId="44" borderId="18" xfId="0" applyFont="1" applyFill="1" applyBorder="1" applyAlignment="1">
      <alignment horizontal="center"/>
    </xf>
    <xf numFmtId="0" fontId="1" fillId="42" borderId="20" xfId="0" applyFont="1" applyFill="1" applyBorder="1" applyAlignment="1">
      <alignment horizontal="center"/>
    </xf>
    <xf numFmtId="0" fontId="1" fillId="42" borderId="27" xfId="0" applyFont="1" applyFill="1" applyBorder="1" applyAlignment="1">
      <alignment horizontal="center"/>
    </xf>
    <xf numFmtId="0" fontId="1" fillId="42" borderId="18" xfId="0" applyFont="1" applyFill="1" applyBorder="1" applyAlignment="1">
      <alignment horizontal="center"/>
    </xf>
    <xf numFmtId="0" fontId="1" fillId="46" borderId="28" xfId="0" applyFont="1" applyFill="1" applyBorder="1" applyAlignment="1">
      <alignment horizontal="left" vertical="center" wrapText="1"/>
    </xf>
    <xf numFmtId="0" fontId="0" fillId="46" borderId="29" xfId="0" applyFill="1" applyBorder="1" applyAlignment="1">
      <alignment horizontal="left" vertical="center"/>
    </xf>
    <xf numFmtId="0" fontId="0" fillId="46" borderId="30" xfId="0" applyFill="1" applyBorder="1" applyAlignment="1">
      <alignment horizontal="left" vertical="center"/>
    </xf>
    <xf numFmtId="0" fontId="27" fillId="54" borderId="60" xfId="0" applyFont="1" applyFill="1" applyBorder="1" applyAlignment="1">
      <alignment horizontal="center" vertical="center" wrapText="1"/>
    </xf>
    <xf numFmtId="0" fontId="27" fillId="54" borderId="62" xfId="0" applyFont="1" applyFill="1" applyBorder="1" applyAlignment="1">
      <alignment horizontal="center" vertical="center" wrapText="1"/>
    </xf>
    <xf numFmtId="0" fontId="27" fillId="40" borderId="57" xfId="0" applyFont="1" applyFill="1" applyBorder="1" applyAlignment="1">
      <alignment horizontal="center"/>
    </xf>
    <xf numFmtId="0" fontId="27" fillId="40" borderId="59" xfId="0" applyFont="1" applyFill="1" applyBorder="1" applyAlignment="1">
      <alignment horizontal="center"/>
    </xf>
    <xf numFmtId="0" fontId="25" fillId="57" borderId="61" xfId="0" applyFont="1" applyFill="1" applyBorder="1" applyAlignment="1">
      <alignment horizontal="center"/>
    </xf>
    <xf numFmtId="0" fontId="25" fillId="57" borderId="59" xfId="0" applyFont="1" applyFill="1" applyBorder="1" applyAlignment="1">
      <alignment horizontal="center"/>
    </xf>
    <xf numFmtId="0" fontId="27" fillId="37" borderId="57" xfId="0" applyFont="1" applyFill="1" applyBorder="1" applyAlignment="1">
      <alignment horizontal="center"/>
    </xf>
    <xf numFmtId="0" fontId="27" fillId="37" borderId="58" xfId="0" applyFont="1" applyFill="1" applyBorder="1" applyAlignment="1">
      <alignment horizontal="center"/>
    </xf>
    <xf numFmtId="0" fontId="27" fillId="37" borderId="59" xfId="0" applyFont="1" applyFill="1" applyBorder="1" applyAlignment="1">
      <alignment horizontal="center"/>
    </xf>
    <xf numFmtId="0" fontId="0" fillId="51" borderId="56" xfId="0" applyFill="1" applyBorder="1" applyAlignment="1">
      <alignment horizontal="center" vertical="center" wrapText="1"/>
    </xf>
    <xf numFmtId="0" fontId="0" fillId="51" borderId="50" xfId="0" applyFill="1" applyBorder="1" applyAlignment="1">
      <alignment horizontal="center" vertical="center" wrapText="1"/>
    </xf>
    <xf numFmtId="164" fontId="0" fillId="51" borderId="22" xfId="0" applyNumberFormat="1" applyFill="1" applyBorder="1" applyAlignment="1">
      <alignment horizontal="right"/>
    </xf>
    <xf numFmtId="164" fontId="0" fillId="51" borderId="49" xfId="0" applyNumberFormat="1" applyFill="1" applyBorder="1" applyAlignment="1">
      <alignment horizontal="right"/>
    </xf>
    <xf numFmtId="0" fontId="0" fillId="51" borderId="22" xfId="0" applyFill="1" applyBorder="1" applyAlignment="1">
      <alignment horizontal="center"/>
    </xf>
    <xf numFmtId="0" fontId="0" fillId="51" borderId="49" xfId="0" applyFill="1" applyBorder="1" applyAlignment="1">
      <alignment horizontal="center"/>
    </xf>
    <xf numFmtId="0" fontId="0" fillId="51" borderId="55" xfId="0" applyFill="1" applyBorder="1" applyAlignment="1">
      <alignment horizontal="center"/>
    </xf>
    <xf numFmtId="0" fontId="0" fillId="51" borderId="48" xfId="0" applyFill="1" applyBorder="1" applyAlignment="1">
      <alignment horizontal="center"/>
    </xf>
  </cellXfs>
  <cellStyles count="44">
    <cellStyle name="20% - Accent1" xfId="18" builtinId="30" customBuiltin="1"/>
    <cellStyle name="20% - Accent2" xfId="21" builtinId="34" customBuiltin="1"/>
    <cellStyle name="20% - Accent3" xfId="24" builtinId="38" customBuiltin="1"/>
    <cellStyle name="20% - Accent4" xfId="27" builtinId="42" customBuiltin="1"/>
    <cellStyle name="20% - Accent5" xfId="30" builtinId="46" customBuiltin="1"/>
    <cellStyle name="20% - Accent6" xfId="33" builtinId="50" customBuiltin="1"/>
    <cellStyle name="40% - Accent1" xfId="19" builtinId="31" customBuiltin="1"/>
    <cellStyle name="40% - Accent2" xfId="22" builtinId="35" customBuiltin="1"/>
    <cellStyle name="40% - Accent3" xfId="25" builtinId="39" customBuiltin="1"/>
    <cellStyle name="40% - Accent4" xfId="28" builtinId="43" customBuiltin="1"/>
    <cellStyle name="40% - Accent5" xfId="31" builtinId="47" customBuiltin="1"/>
    <cellStyle name="40% - Accent6" xfId="34" builtinId="51" customBuiltin="1"/>
    <cellStyle name="60% - Accent1 2" xfId="36" xr:uid="{00000000-0005-0000-0000-00000C000000}"/>
    <cellStyle name="60% - Accent2 2" xfId="37" xr:uid="{00000000-0005-0000-0000-00000D000000}"/>
    <cellStyle name="60% - Accent3 2" xfId="38" xr:uid="{00000000-0005-0000-0000-00000E000000}"/>
    <cellStyle name="60% - Accent4 2" xfId="39" xr:uid="{00000000-0005-0000-0000-00000F000000}"/>
    <cellStyle name="60% - Accent5 2" xfId="40" xr:uid="{00000000-0005-0000-0000-000010000000}"/>
    <cellStyle name="60% - Accent6 2" xfId="41" xr:uid="{00000000-0005-0000-0000-000011000000}"/>
    <cellStyle name="Accent1" xfId="17" builtinId="29" customBuiltin="1"/>
    <cellStyle name="Accent2" xfId="20" builtinId="33" customBuiltin="1"/>
    <cellStyle name="Accent3" xfId="23" builtinId="37" customBuiltin="1"/>
    <cellStyle name="Accent4" xfId="26" builtinId="41" customBuiltin="1"/>
    <cellStyle name="Accent5" xfId="29" builtinId="45" customBuiltin="1"/>
    <cellStyle name="Accent6" xfId="32" builtinId="49" customBuiltin="1"/>
    <cellStyle name="Bad" xfId="7" builtinId="27" customBuiltin="1"/>
    <cellStyle name="Calculation" xfId="10" builtinId="22" customBuiltin="1"/>
    <cellStyle name="Check Cell" xfId="12" builtinId="23" customBuiltin="1"/>
    <cellStyle name="Explanatory Text" xfId="15"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Hyperlink" xfId="43" builtinId="8"/>
    <cellStyle name="Input" xfId="8" builtinId="20" customBuiltin="1"/>
    <cellStyle name="Linked Cell" xfId="11" builtinId="24" customBuiltin="1"/>
    <cellStyle name="Neutral" xfId="42" builtinId="28"/>
    <cellStyle name="Neutral 2" xfId="35" xr:uid="{00000000-0005-0000-0000-000023000000}"/>
    <cellStyle name="Normal" xfId="0" builtinId="0"/>
    <cellStyle name="Note" xfId="14" builtinId="10" customBuiltin="1"/>
    <cellStyle name="Output" xfId="9" builtinId="21" customBuiltin="1"/>
    <cellStyle name="Title" xfId="1" builtinId="15" customBuiltin="1"/>
    <cellStyle name="Total" xfId="16" builtinId="25" customBuiltin="1"/>
    <cellStyle name="Warning Text" xfId="13" builtinId="11" customBuiltin="1"/>
  </cellStyles>
  <dxfs count="358">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lor theme="0"/>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ndense val="0"/>
        <extend val="0"/>
        <color rgb="FF9C0006"/>
      </font>
    </dxf>
    <dxf>
      <font>
        <color rgb="FF7030A0"/>
      </font>
    </dxf>
    <dxf>
      <font>
        <color theme="9" tint="-0.24994659260841701"/>
      </font>
    </dxf>
    <dxf>
      <font>
        <color theme="5" tint="0.39994506668294322"/>
      </font>
    </dxf>
    <dxf>
      <font>
        <color theme="6" tint="-0.24994659260841701"/>
      </font>
    </dxf>
    <dxf>
      <font>
        <color theme="3" tint="0.39994506668294322"/>
      </font>
    </dxf>
    <dxf>
      <font>
        <color theme="0"/>
      </font>
    </dxf>
    <dxf>
      <font>
        <color theme="0"/>
      </font>
    </dxf>
    <dxf>
      <font>
        <color theme="0"/>
      </font>
    </dxf>
    <dxf>
      <font>
        <color theme="0"/>
      </font>
    </dxf>
    <dxf>
      <font>
        <color theme="0"/>
      </font>
    </dxf>
    <dxf>
      <font>
        <color theme="0"/>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ill>
        <patternFill patternType="solid">
          <fgColor indexed="64"/>
          <bgColor theme="4" tint="0.79998168889431442"/>
        </patternFill>
      </fill>
      <alignment horizontal="center" vertical="bottom" textRotation="0" wrapText="0" indent="0" justifyLastLine="0" shrinkToFit="0" readingOrder="0"/>
      <border diagonalUp="0" diagonalDown="0">
        <left style="thin">
          <color indexed="64"/>
        </left>
        <right style="thin">
          <color indexed="64"/>
        </right>
        <top style="thin">
          <color indexed="64"/>
        </top>
        <bottom style="thin">
          <color indexed="64"/>
        </bottom>
        <vertical/>
        <horizontal/>
      </border>
    </dxf>
    <dxf>
      <font>
        <b val="0"/>
        <i val="0"/>
        <strike val="0"/>
        <condense val="0"/>
        <extend val="0"/>
        <outline val="0"/>
        <shadow val="0"/>
        <u val="none"/>
        <vertAlign val="baseline"/>
        <sz val="11"/>
        <color theme="1"/>
        <name val="Calibri"/>
        <family val="2"/>
        <scheme val="minor"/>
      </font>
      <fill>
        <patternFill patternType="solid">
          <fgColor indexed="64"/>
          <bgColor theme="4" tint="0.79998168889431442"/>
        </patternFill>
      </fill>
      <alignment horizontal="center" vertical="bottom" textRotation="0" wrapText="0" indent="0" justifyLastLine="0" shrinkToFit="0" readingOrder="0"/>
      <border diagonalUp="0" diagonalDown="0" outline="0">
        <left style="thin">
          <color indexed="64"/>
        </left>
        <right style="thin">
          <color indexed="64"/>
        </right>
        <top style="thin">
          <color indexed="64"/>
        </top>
        <bottom style="thin">
          <color indexed="64"/>
        </bottom>
      </border>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border outline="0">
        <top style="thin">
          <color indexed="64"/>
        </top>
      </border>
    </dxf>
    <dxf>
      <border outline="0">
        <left style="thin">
          <color indexed="64"/>
        </left>
        <right style="thin">
          <color indexed="64"/>
        </right>
        <top style="thin">
          <color indexed="64"/>
        </top>
        <bottom style="thin">
          <color indexed="64"/>
        </bottom>
      </border>
    </dxf>
    <dxf>
      <font>
        <strike val="0"/>
        <outline val="0"/>
        <shadow val="0"/>
        <u val="none"/>
        <vertAlign val="baseline"/>
        <sz val="11"/>
        <color theme="1"/>
        <name val="Calibri"/>
        <family val="2"/>
        <scheme val="minor"/>
      </font>
    </dxf>
    <dxf>
      <border outline="0">
        <bottom style="thin">
          <color indexed="64"/>
        </bottom>
      </border>
    </dxf>
    <dxf>
      <font>
        <b/>
        <i val="0"/>
        <strike val="0"/>
        <condense val="0"/>
        <extend val="0"/>
        <outline val="0"/>
        <shadow val="0"/>
        <u val="none"/>
        <vertAlign val="baseline"/>
        <sz val="11"/>
        <color theme="1"/>
        <name val="Calibri"/>
        <family val="2"/>
        <scheme val="minor"/>
      </font>
      <fill>
        <patternFill patternType="solid">
          <fgColor indexed="64"/>
          <bgColor theme="4" tint="0.39997558519241921"/>
        </patternFill>
      </fill>
      <alignment horizontal="center" vertical="center" textRotation="0" wrapText="1" indent="0" justifyLastLine="0" shrinkToFit="0" readingOrder="0"/>
      <border diagonalUp="0" diagonalDown="0" outline="0">
        <left style="thin">
          <color indexed="64"/>
        </left>
        <right style="thin">
          <color indexed="64"/>
        </right>
        <top/>
        <bottom/>
      </border>
    </dxf>
  </dxfs>
  <tableStyles count="0" defaultTableStyle="TableStyleMedium2" defaultPivotStyle="PivotStyleLight16"/>
  <colors>
    <mruColors>
      <color rgb="FFFFFFCC"/>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customXml" Target="../customXml/item2.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customXml" Target="../customXml/item1.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4</xdr:col>
      <xdr:colOff>161925</xdr:colOff>
      <xdr:row>1</xdr:row>
      <xdr:rowOff>76200</xdr:rowOff>
    </xdr:from>
    <xdr:to>
      <xdr:col>4</xdr:col>
      <xdr:colOff>1295400</xdr:colOff>
      <xdr:row>1</xdr:row>
      <xdr:rowOff>1023011</xdr:rowOff>
    </xdr:to>
    <xdr:pic>
      <xdr:nvPicPr>
        <xdr:cNvPr id="2" name="Picture 1">
          <a:extLst>
            <a:ext uri="{FF2B5EF4-FFF2-40B4-BE49-F238E27FC236}">
              <a16:creationId xmlns:a16="http://schemas.microsoft.com/office/drawing/2014/main" id="{EC17AC54-62DE-45FB-8965-03704C9E35DB}"/>
            </a:ext>
          </a:extLst>
        </xdr:cNvPr>
        <xdr:cNvPicPr>
          <a:picLocks noChangeAspect="1"/>
        </xdr:cNvPicPr>
      </xdr:nvPicPr>
      <xdr:blipFill>
        <a:blip xmlns:r="http://schemas.openxmlformats.org/officeDocument/2006/relationships" r:embed="rId1"/>
        <a:stretch>
          <a:fillRect/>
        </a:stretch>
      </xdr:blipFill>
      <xdr:spPr>
        <a:xfrm>
          <a:off x="5972175" y="552450"/>
          <a:ext cx="1133475" cy="946811"/>
        </a:xfrm>
        <a:prstGeom prst="rect">
          <a:avLst/>
        </a:prstGeom>
      </xdr:spPr>
    </xdr:pic>
    <xdr:clientData/>
  </xdr:twoCellAnchor>
  <xdr:twoCellAnchor editAs="oneCell">
    <xdr:from>
      <xdr:col>3</xdr:col>
      <xdr:colOff>219076</xdr:colOff>
      <xdr:row>1</xdr:row>
      <xdr:rowOff>66675</xdr:rowOff>
    </xdr:from>
    <xdr:to>
      <xdr:col>3</xdr:col>
      <xdr:colOff>1231214</xdr:colOff>
      <xdr:row>1</xdr:row>
      <xdr:rowOff>981075</xdr:rowOff>
    </xdr:to>
    <xdr:pic>
      <xdr:nvPicPr>
        <xdr:cNvPr id="3" name="Picture 2">
          <a:extLst>
            <a:ext uri="{FF2B5EF4-FFF2-40B4-BE49-F238E27FC236}">
              <a16:creationId xmlns:a16="http://schemas.microsoft.com/office/drawing/2014/main" id="{73E57B80-F847-4DFF-8725-13EA5183458F}"/>
            </a:ext>
          </a:extLst>
        </xdr:cNvPr>
        <xdr:cNvPicPr>
          <a:picLocks noChangeAspect="1"/>
        </xdr:cNvPicPr>
      </xdr:nvPicPr>
      <xdr:blipFill>
        <a:blip xmlns:r="http://schemas.openxmlformats.org/officeDocument/2006/relationships" r:embed="rId2"/>
        <a:stretch>
          <a:fillRect/>
        </a:stretch>
      </xdr:blipFill>
      <xdr:spPr>
        <a:xfrm>
          <a:off x="4581526" y="542925"/>
          <a:ext cx="1012138" cy="914400"/>
        </a:xfrm>
        <a:prstGeom prst="rect">
          <a:avLst/>
        </a:prstGeom>
      </xdr:spPr>
    </xdr:pic>
    <xdr:clientData/>
  </xdr:twoCellAnchor>
  <xdr:twoCellAnchor editAs="oneCell">
    <xdr:from>
      <xdr:col>6</xdr:col>
      <xdr:colOff>133351</xdr:colOff>
      <xdr:row>1</xdr:row>
      <xdr:rowOff>339088</xdr:rowOff>
    </xdr:from>
    <xdr:to>
      <xdr:col>6</xdr:col>
      <xdr:colOff>1323975</xdr:colOff>
      <xdr:row>1</xdr:row>
      <xdr:rowOff>726168</xdr:rowOff>
    </xdr:to>
    <xdr:pic>
      <xdr:nvPicPr>
        <xdr:cNvPr id="4" name="Picture 3">
          <a:extLst>
            <a:ext uri="{FF2B5EF4-FFF2-40B4-BE49-F238E27FC236}">
              <a16:creationId xmlns:a16="http://schemas.microsoft.com/office/drawing/2014/main" id="{86F21B0A-D688-48F3-BDEC-253C5299BCFB}"/>
            </a:ext>
          </a:extLst>
        </xdr:cNvPr>
        <xdr:cNvPicPr>
          <a:picLocks noChangeAspect="1"/>
        </xdr:cNvPicPr>
      </xdr:nvPicPr>
      <xdr:blipFill>
        <a:blip xmlns:r="http://schemas.openxmlformats.org/officeDocument/2006/relationships" r:embed="rId3"/>
        <a:stretch>
          <a:fillRect/>
        </a:stretch>
      </xdr:blipFill>
      <xdr:spPr>
        <a:xfrm flipV="1">
          <a:off x="8915401" y="815338"/>
          <a:ext cx="1190624" cy="387080"/>
        </a:xfrm>
        <a:prstGeom prst="rect">
          <a:avLst/>
        </a:prstGeom>
      </xdr:spPr>
    </xdr:pic>
    <xdr:clientData/>
  </xdr:twoCellAnchor>
  <xdr:twoCellAnchor editAs="oneCell">
    <xdr:from>
      <xdr:col>5</xdr:col>
      <xdr:colOff>47626</xdr:colOff>
      <xdr:row>1</xdr:row>
      <xdr:rowOff>178516</xdr:rowOff>
    </xdr:from>
    <xdr:to>
      <xdr:col>5</xdr:col>
      <xdr:colOff>1238250</xdr:colOff>
      <xdr:row>1</xdr:row>
      <xdr:rowOff>992772</xdr:rowOff>
    </xdr:to>
    <xdr:pic>
      <xdr:nvPicPr>
        <xdr:cNvPr id="5" name="Picture 4">
          <a:extLst>
            <a:ext uri="{FF2B5EF4-FFF2-40B4-BE49-F238E27FC236}">
              <a16:creationId xmlns:a16="http://schemas.microsoft.com/office/drawing/2014/main" id="{C2013CD6-88B0-4E3E-A8C9-A89D233F5B69}"/>
            </a:ext>
          </a:extLst>
        </xdr:cNvPr>
        <xdr:cNvPicPr>
          <a:picLocks noChangeAspect="1"/>
        </xdr:cNvPicPr>
      </xdr:nvPicPr>
      <xdr:blipFill>
        <a:blip xmlns:r="http://schemas.openxmlformats.org/officeDocument/2006/relationships" r:embed="rId4"/>
        <a:stretch>
          <a:fillRect/>
        </a:stretch>
      </xdr:blipFill>
      <xdr:spPr>
        <a:xfrm>
          <a:off x="7343776" y="654766"/>
          <a:ext cx="1190624" cy="814256"/>
        </a:xfrm>
        <a:prstGeom prst="rect">
          <a:avLst/>
        </a:prstGeom>
      </xdr:spPr>
    </xdr:pic>
    <xdr:clientData/>
  </xdr:twoCellAnchor>
  <xdr:twoCellAnchor editAs="oneCell">
    <xdr:from>
      <xdr:col>7</xdr:col>
      <xdr:colOff>123265</xdr:colOff>
      <xdr:row>1</xdr:row>
      <xdr:rowOff>112059</xdr:rowOff>
    </xdr:from>
    <xdr:to>
      <xdr:col>7</xdr:col>
      <xdr:colOff>1546412</xdr:colOff>
      <xdr:row>1</xdr:row>
      <xdr:rowOff>784412</xdr:rowOff>
    </xdr:to>
    <xdr:pic>
      <xdr:nvPicPr>
        <xdr:cNvPr id="6" name="Picture 5">
          <a:extLst>
            <a:ext uri="{FF2B5EF4-FFF2-40B4-BE49-F238E27FC236}">
              <a16:creationId xmlns:a16="http://schemas.microsoft.com/office/drawing/2014/main" id="{CB8ED352-E41F-4910-8E4F-462C321B1F2D}"/>
            </a:ext>
          </a:extLst>
        </xdr:cNvPr>
        <xdr:cNvPicPr>
          <a:picLocks noChangeAspect="1"/>
        </xdr:cNvPicPr>
      </xdr:nvPicPr>
      <xdr:blipFill>
        <a:blip xmlns:r="http://schemas.openxmlformats.org/officeDocument/2006/relationships" r:embed="rId5"/>
        <a:stretch>
          <a:fillRect/>
        </a:stretch>
      </xdr:blipFill>
      <xdr:spPr>
        <a:xfrm>
          <a:off x="10522324" y="593912"/>
          <a:ext cx="1423147" cy="672353"/>
        </a:xfrm>
        <a:prstGeom prst="rect">
          <a:avLst/>
        </a:prstGeom>
      </xdr:spPr>
    </xdr:pic>
    <xdr:clientData/>
  </xdr:twoCellAnchor>
  <xdr:twoCellAnchor editAs="oneCell">
    <xdr:from>
      <xdr:col>9</xdr:col>
      <xdr:colOff>119132</xdr:colOff>
      <xdr:row>1</xdr:row>
      <xdr:rowOff>67235</xdr:rowOff>
    </xdr:from>
    <xdr:to>
      <xdr:col>9</xdr:col>
      <xdr:colOff>1411942</xdr:colOff>
      <xdr:row>1</xdr:row>
      <xdr:rowOff>806288</xdr:rowOff>
    </xdr:to>
    <xdr:pic>
      <xdr:nvPicPr>
        <xdr:cNvPr id="7" name="Picture 6">
          <a:extLst>
            <a:ext uri="{FF2B5EF4-FFF2-40B4-BE49-F238E27FC236}">
              <a16:creationId xmlns:a16="http://schemas.microsoft.com/office/drawing/2014/main" id="{26C019F9-9327-46B5-9E26-BF73B3FEE799}"/>
            </a:ext>
          </a:extLst>
        </xdr:cNvPr>
        <xdr:cNvPicPr>
          <a:picLocks noChangeAspect="1"/>
        </xdr:cNvPicPr>
      </xdr:nvPicPr>
      <xdr:blipFill>
        <a:blip xmlns:r="http://schemas.openxmlformats.org/officeDocument/2006/relationships" r:embed="rId6"/>
        <a:stretch>
          <a:fillRect/>
        </a:stretch>
      </xdr:blipFill>
      <xdr:spPr>
        <a:xfrm>
          <a:off x="12120632" y="549088"/>
          <a:ext cx="1292810" cy="739053"/>
        </a:xfrm>
        <a:prstGeom prst="rect">
          <a:avLst/>
        </a:prstGeom>
      </xdr:spPr>
    </xdr:pic>
    <xdr:clientData/>
  </xdr:twoCellAnchor>
  <xdr:twoCellAnchor editAs="oneCell">
    <xdr:from>
      <xdr:col>8</xdr:col>
      <xdr:colOff>369795</xdr:colOff>
      <xdr:row>1</xdr:row>
      <xdr:rowOff>63792</xdr:rowOff>
    </xdr:from>
    <xdr:to>
      <xdr:col>8</xdr:col>
      <xdr:colOff>1098177</xdr:colOff>
      <xdr:row>1</xdr:row>
      <xdr:rowOff>978063</xdr:rowOff>
    </xdr:to>
    <xdr:pic>
      <xdr:nvPicPr>
        <xdr:cNvPr id="8" name="Picture 7">
          <a:extLst>
            <a:ext uri="{FF2B5EF4-FFF2-40B4-BE49-F238E27FC236}">
              <a16:creationId xmlns:a16="http://schemas.microsoft.com/office/drawing/2014/main" id="{4E2F10B2-B385-4B2F-878E-03B04AE6C8A7}"/>
            </a:ext>
          </a:extLst>
        </xdr:cNvPr>
        <xdr:cNvPicPr>
          <a:picLocks noChangeAspect="1"/>
        </xdr:cNvPicPr>
      </xdr:nvPicPr>
      <xdr:blipFill>
        <a:blip xmlns:r="http://schemas.openxmlformats.org/officeDocument/2006/relationships" r:embed="rId7"/>
        <a:stretch>
          <a:fillRect/>
        </a:stretch>
      </xdr:blipFill>
      <xdr:spPr>
        <a:xfrm>
          <a:off x="12371295" y="545645"/>
          <a:ext cx="728382" cy="914271"/>
        </a:xfrm>
        <a:prstGeom prst="rect">
          <a:avLst/>
        </a:prstGeom>
      </xdr:spPr>
    </xdr:pic>
    <xdr:clientData/>
  </xdr:twoCellAnchor>
</xdr:wsDr>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9B084AA8-C077-49F0-8707-99CAA72DD1F8}" name="Table1" displayName="Table1" ref="A2:L12" totalsRowShown="0" headerRowDxfId="357" dataDxfId="355" headerRowBorderDxfId="356" tableBorderDxfId="354" totalsRowBorderDxfId="353">
  <autoFilter ref="A2:L12" xr:uid="{7F1FC24E-2B24-4C4C-BFA0-27455855941D}"/>
  <tableColumns count="12">
    <tableColumn id="1" xr3:uid="{96E5692B-9684-4BB5-8228-53603879C655}" name="Device family" dataDxfId="352"/>
    <tableColumn id="2" xr3:uid="{7C727F29-3E67-4F1D-8C4F-9C1A30304194}" name="Maximum self compensation_x000a_ capacitance  (pF)" dataDxfId="351"/>
    <tableColumn id="3" xr3:uid="{703738D2-AB40-49D6-8DF9-462515BC1A3F}" name="Maximum mutual _x000a_compensation capacitance  (pF)" dataDxfId="350"/>
    <tableColumn id="4" xr3:uid="{056979A5-E457-4B34-8DAD-F67CF79E32B7}" name="Maximum mutual_x000a_ capacitance _x000a_parasitic rejection (pF)" dataDxfId="349"/>
    <tableColumn id="5" xr3:uid="{1A3A06C8-A6A7-429D-84EA-8E4E75761AB9}" name="Maximum selfcap_x000a_ sensor   capacitance  (pF)" dataDxfId="348"/>
    <tableColumn id="6" xr3:uid="{902FF709-71CF-416F-8E97-574E8BCBB814}" name="Maximum mutlcap_x000a_ sensor   capacitance  (pF)" dataDxfId="347"/>
    <tableColumn id="7" xr3:uid="{7031CD67-B0B4-4D23-A622-AA3488B2C2DF}" name="Driven_x000a_ Shield+_x000a_ support" dataDxfId="346"/>
    <tableColumn id="8" xr3:uid="{FD785892-E963-434D-ACD2-2B5F882467A3}" name="Driven _x000a_Shield _x000a_support" dataDxfId="345"/>
    <tableColumn id="9" xr3:uid="{C163BDA2-4E62-409F-B397-A1B10406799B}" name="Charge Share Delay (CSD )_x000a_Feature_x000a_" dataDxfId="344"/>
    <tableColumn id="12" xr3:uid="{CC48B9EB-2B85-47BB-A3D8-6401157117B6}" name="Min PTC _x000a_Clock in MHz(after prescaler)" dataDxfId="343"/>
    <tableColumn id="10" xr3:uid="{FB917DFF-C8BD-4F72-84D8-0525D3FF786E}" name="Max PTC _x000a_Clock in MHz(after prescaler)" dataDxfId="342"/>
    <tableColumn id="11" xr3:uid="{8EAC97AA-84D0-4823-B1B7-090838827F02}" name="Supports shared X/Y" dataDxfId="341"/>
  </tableColumns>
  <tableStyleInfo name="TableStyleLight20"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hyperlink" Target="https://bitbucket.microchip.com/projects/QTML/repos/0x003b_qtm_surface_cs_32x32/browse" TargetMode="External"/><Relationship Id="rId2" Type="http://schemas.openxmlformats.org/officeDocument/2006/relationships/hyperlink" Target="https://bitbucket.microchip.com/projects/QTML/repos/0x0037_qtm_avr_da_acquisition/browse" TargetMode="External"/><Relationship Id="rId1" Type="http://schemas.openxmlformats.org/officeDocument/2006/relationships/hyperlink" Target="https://bitbucket.microchip.com/projects/QTML/repos/0x0037_qtm_avr_da_acquisition/browse" TargetMode="External"/><Relationship Id="rId6" Type="http://schemas.openxmlformats.org/officeDocument/2006/relationships/printerSettings" Target="../printerSettings/printerSettings8.bin"/><Relationship Id="rId5" Type="http://schemas.openxmlformats.org/officeDocument/2006/relationships/hyperlink" Target="https://bitbucket.microchip.com/projects/QTML/repos/0x0038_qtm_avr_da_acq_4p/browse" TargetMode="External"/><Relationship Id="rId4" Type="http://schemas.openxmlformats.org/officeDocument/2006/relationships/hyperlink" Target="https://bitbucket.microchip.com/projects/QTML/repos/0x003c_qtm_surface_cs_2t_32x32/browse" TargetMode="External"/></Relationships>
</file>

<file path=xl/worksheets/_rels/sheet11.xml.rels><?xml version="1.0" encoding="UTF-8" standalone="yes"?>
<Relationships xmlns="http://schemas.openxmlformats.org/package/2006/relationships"><Relationship Id="rId3" Type="http://schemas.openxmlformats.org/officeDocument/2006/relationships/hyperlink" Target="https://bitbucket.microchip.com/projects/QTML/repos/0x0037_qtm_avr_da_acquisition/browse" TargetMode="External"/><Relationship Id="rId2" Type="http://schemas.openxmlformats.org/officeDocument/2006/relationships/hyperlink" Target="https://bitbucket.microchip.com/projects/QTML/repos/0x0037_qtm_avr_da_acquisition/browse" TargetMode="External"/><Relationship Id="rId1" Type="http://schemas.openxmlformats.org/officeDocument/2006/relationships/hyperlink" Target="https://bitbucket.microchip.com/projects/QTML/repos/0x0038_qtm_avr_da_acq_4p/browse" TargetMode="External"/></Relationships>
</file>

<file path=xl/worksheets/_rels/sheet12.xml.rels><?xml version="1.0" encoding="UTF-8" standalone="yes"?>
<Relationships xmlns="http://schemas.openxmlformats.org/package/2006/relationships"><Relationship Id="rId3" Type="http://schemas.openxmlformats.org/officeDocument/2006/relationships/hyperlink" Target="https://bitbucket.microchip.com/projects/QTML/repos/0x0037_qtm_avr_da_acquisition/browse" TargetMode="External"/><Relationship Id="rId2" Type="http://schemas.openxmlformats.org/officeDocument/2006/relationships/hyperlink" Target="https://bitbucket.microchip.com/projects/QTML/repos/0x0037_qtm_avr_da_acquisition/browse" TargetMode="External"/><Relationship Id="rId1" Type="http://schemas.openxmlformats.org/officeDocument/2006/relationships/hyperlink" Target="https://bitbucket.microchip.com/projects/QTML/repos/0x0038_qtm_avr_da_acq_4p/browse" TargetMode="External"/></Relationships>
</file>

<file path=xl/worksheets/_rels/sheet13.xml.rels><?xml version="1.0" encoding="UTF-8" standalone="yes"?>
<Relationships xmlns="http://schemas.openxmlformats.org/package/2006/relationships"><Relationship Id="rId3" Type="http://schemas.openxmlformats.org/officeDocument/2006/relationships/hyperlink" Target="https://bitbucket.microchip.com/projects/QTML/repos/0x0037_qtm_avr_da_acquisition/browse" TargetMode="External"/><Relationship Id="rId2" Type="http://schemas.openxmlformats.org/officeDocument/2006/relationships/hyperlink" Target="https://bitbucket.microchip.com/projects/QTML/repos/0x0037_qtm_avr_da_acquisition/browse" TargetMode="External"/><Relationship Id="rId1" Type="http://schemas.openxmlformats.org/officeDocument/2006/relationships/hyperlink" Target="https://bitbucket.microchip.com/projects/QTML/repos/0x0038_qtm_avr_da_acq_4p/browse" TargetMode="External"/><Relationship Id="rId4" Type="http://schemas.openxmlformats.org/officeDocument/2006/relationships/printerSettings" Target="../printerSettings/printerSettings9.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4.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3.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11F15F-41DA-491A-8061-1B7D63371F1F}">
  <dimension ref="B2:D23"/>
  <sheetViews>
    <sheetView tabSelected="1" topLeftCell="B1" zoomScale="130" zoomScaleNormal="130" workbookViewId="0">
      <selection activeCell="D16" sqref="D16"/>
    </sheetView>
  </sheetViews>
  <sheetFormatPr defaultRowHeight="15"/>
  <cols>
    <col min="2" max="2" width="7.7109375" bestFit="1" customWidth="1"/>
    <col min="3" max="3" width="41.7109375" bestFit="1" customWidth="1"/>
    <col min="4" max="4" width="66.140625" bestFit="1" customWidth="1"/>
    <col min="8" max="8" width="30.85546875" bestFit="1" customWidth="1"/>
    <col min="9" max="9" width="54.140625" bestFit="1" customWidth="1"/>
    <col min="12" max="12" width="47" bestFit="1" customWidth="1"/>
  </cols>
  <sheetData>
    <row r="2" spans="2:4" ht="15.75">
      <c r="B2" s="53" t="s">
        <v>0</v>
      </c>
      <c r="C2" s="53" t="s">
        <v>1</v>
      </c>
      <c r="D2" s="53" t="s">
        <v>2</v>
      </c>
    </row>
    <row r="3" spans="2:4">
      <c r="B3">
        <v>1</v>
      </c>
      <c r="C3" s="65" t="s">
        <v>3</v>
      </c>
      <c r="D3" t="s">
        <v>4</v>
      </c>
    </row>
    <row r="4" spans="2:4">
      <c r="B4">
        <v>2</v>
      </c>
      <c r="C4" s="65" t="s">
        <v>5</v>
      </c>
      <c r="D4" t="s">
        <v>6</v>
      </c>
    </row>
    <row r="5" spans="2:4">
      <c r="B5">
        <v>3</v>
      </c>
      <c r="C5" s="65" t="s">
        <v>7</v>
      </c>
      <c r="D5" t="s">
        <v>8</v>
      </c>
    </row>
    <row r="6" spans="2:4">
      <c r="B6">
        <v>4</v>
      </c>
      <c r="C6" s="65" t="s">
        <v>9</v>
      </c>
      <c r="D6" t="s">
        <v>10</v>
      </c>
    </row>
    <row r="7" spans="2:4">
      <c r="B7">
        <v>5</v>
      </c>
      <c r="C7" s="65" t="s">
        <v>962</v>
      </c>
      <c r="D7" t="s">
        <v>965</v>
      </c>
    </row>
    <row r="8" spans="2:4">
      <c r="B8">
        <v>6</v>
      </c>
      <c r="C8" s="65" t="s">
        <v>961</v>
      </c>
      <c r="D8" t="s">
        <v>966</v>
      </c>
    </row>
    <row r="9" spans="2:4">
      <c r="B9">
        <v>7</v>
      </c>
      <c r="C9" s="65" t="s">
        <v>11</v>
      </c>
      <c r="D9" t="s">
        <v>12</v>
      </c>
    </row>
    <row r="10" spans="2:4">
      <c r="B10">
        <v>8</v>
      </c>
      <c r="C10" s="65" t="s">
        <v>13</v>
      </c>
      <c r="D10" t="s">
        <v>14</v>
      </c>
    </row>
    <row r="11" spans="2:4">
      <c r="B11">
        <v>9</v>
      </c>
      <c r="C11" s="65" t="s">
        <v>15</v>
      </c>
      <c r="D11" t="s">
        <v>16</v>
      </c>
    </row>
    <row r="12" spans="2:4">
      <c r="B12">
        <v>10</v>
      </c>
      <c r="C12" s="65" t="s">
        <v>17</v>
      </c>
      <c r="D12" t="s">
        <v>18</v>
      </c>
    </row>
    <row r="13" spans="2:4">
      <c r="B13">
        <v>11</v>
      </c>
      <c r="C13" s="65" t="s">
        <v>19</v>
      </c>
      <c r="D13" t="s">
        <v>20</v>
      </c>
    </row>
    <row r="14" spans="2:4">
      <c r="B14">
        <v>12</v>
      </c>
      <c r="C14" s="65" t="s">
        <v>21</v>
      </c>
      <c r="D14" t="s">
        <v>22</v>
      </c>
    </row>
    <row r="15" spans="2:4">
      <c r="B15">
        <v>13</v>
      </c>
      <c r="C15" s="65" t="s">
        <v>23</v>
      </c>
      <c r="D15" t="s">
        <v>24</v>
      </c>
    </row>
    <row r="16" spans="2:4">
      <c r="B16">
        <v>14</v>
      </c>
      <c r="C16" s="65" t="s">
        <v>25</v>
      </c>
      <c r="D16" t="s">
        <v>26</v>
      </c>
    </row>
    <row r="17" spans="2:4">
      <c r="B17">
        <v>15</v>
      </c>
      <c r="C17" s="65" t="s">
        <v>27</v>
      </c>
      <c r="D17" t="s">
        <v>28</v>
      </c>
    </row>
    <row r="18" spans="2:4">
      <c r="B18">
        <v>16</v>
      </c>
      <c r="C18" s="65" t="s">
        <v>29</v>
      </c>
      <c r="D18" t="s">
        <v>30</v>
      </c>
    </row>
    <row r="19" spans="2:4">
      <c r="B19">
        <v>17</v>
      </c>
      <c r="C19" s="65" t="s">
        <v>31</v>
      </c>
      <c r="D19" t="s">
        <v>32</v>
      </c>
    </row>
    <row r="20" spans="2:4">
      <c r="B20">
        <v>18</v>
      </c>
      <c r="C20" s="65" t="s">
        <v>33</v>
      </c>
      <c r="D20" t="s">
        <v>34</v>
      </c>
    </row>
    <row r="21" spans="2:4">
      <c r="B21">
        <v>19</v>
      </c>
      <c r="C21" s="160" t="s">
        <v>35</v>
      </c>
      <c r="D21" t="s">
        <v>958</v>
      </c>
    </row>
    <row r="22" spans="2:4">
      <c r="B22">
        <v>20</v>
      </c>
      <c r="C22" s="65" t="s">
        <v>36</v>
      </c>
      <c r="D22" t="s">
        <v>37</v>
      </c>
    </row>
    <row r="23" spans="2:4">
      <c r="B23">
        <v>21</v>
      </c>
      <c r="C23" s="65" t="s">
        <v>956</v>
      </c>
      <c r="D23" t="s">
        <v>957</v>
      </c>
    </row>
  </sheetData>
  <hyperlinks>
    <hyperlink ref="C3" location="'QTouch-Start-Supported-Devices'!A1" display="QTouch-Start-Supported-Devices" xr:uid="{BEEF6CA0-FF83-418C-B0F2-E35C0A9C7E91}"/>
    <hyperlink ref="C4" location="'Modules Change Log'!A1" display="Modules Change Log" xr:uid="{A192F847-76B3-454E-8E56-FDE8DF4549B4}"/>
    <hyperlink ref="C5" location="KitExampleProjects!A1" display="KitExampleProjects" xr:uid="{6C64E6C0-C2DB-4B2F-BCE7-DC0205514ACB}"/>
    <hyperlink ref="C6" location="'PTC Information'!A1" display="PTC Information" xr:uid="{7AF51E79-E680-4459-8B35-416F2C5F76B6}"/>
    <hyperlink ref="C17" location="'Rel 6.0 Modules Information'!A1" display="Rel 6.0 Modules Information" xr:uid="{43097D19-3B48-444E-A2CF-3B78FA964B1D}"/>
    <hyperlink ref="C18" location="'Rel 5.1 Modules Information'!A1" display="Rel 5.1 Modules Information" xr:uid="{0416DC83-975B-49F1-A42E-F288846647D3}"/>
    <hyperlink ref="C19" location="'Rel 5.0 Modules Information'!A1" display="Rel 5.0 Modules Information" xr:uid="{1B83F62C-7FD9-4BD1-B46F-513E7C448B11}"/>
    <hyperlink ref="C20" location="'Device Pin Capacitance'!A1" display="Device Pin Capacitance" xr:uid="{68903B22-3E85-4D33-AA89-D594B2124CAE}"/>
    <hyperlink ref="C22" location="'QTouch Kits'!A1" display="QTouch Kits" xr:uid="{5CDB4AB0-0B4D-40E1-8104-C45EE612D420}"/>
    <hyperlink ref="C16" location="'Rel 6.1 Modules Information'!A1" display="Rel 6.1 Modules Information" xr:uid="{717A9E0C-2A3B-423F-8EBB-3C13A852A1A4}"/>
    <hyperlink ref="C15" location="'Rel 6.2 Modules Information'!A1" display="Rel 6.2 Modules Information" xr:uid="{6B1E3D06-B19F-4B01-B097-561999E48D60}"/>
    <hyperlink ref="C14" location="'Rel 6.3 Modules Information'!A1" display="Rel 6.3 Modules Information" xr:uid="{F93ABF33-FA81-4D64-BBA4-9A92DA5BDAA8}"/>
    <hyperlink ref="C13" location="'Rel 6.4 Modules Information'!A1" display="Rel 6.4 Modules Information" xr:uid="{9F28DB51-3C60-4CE4-B98F-3DED64F9380D}"/>
    <hyperlink ref="C21" location="'QTx-XPRO Pin Compatibility'!A1" display="QTx-XPRO Pin Compatibility" xr:uid="{29CDA885-38C8-4754-8B67-56857B692F6B}"/>
    <hyperlink ref="C12" location="'Rel 6.5 Modules Information'!A1" display="Rel 6.5 Modules Information" xr:uid="{B83F054A-C766-425A-BFCA-BDFA08703688}"/>
    <hyperlink ref="C11" location="'Rel 7.0 Modules Information'!A1" display="Rel 7.0 Modules Information" xr:uid="{FEA83B40-DA70-45AF-B6AD-D580EA377E82}"/>
    <hyperlink ref="C10" location="'Rel 7.1 Modules Information'!A1" display="Rel 7.1 Modules Information" xr:uid="{E02CDAD2-CEE7-4E9C-B3CD-26F39B3D31A0}"/>
    <hyperlink ref="C9" location="'Rel 7.2 Modules Information'!A1" display="Rel 7.2 Modules Information" xr:uid="{2DCB5131-DE50-4163-AB35-0D8DE0BAB2AD}"/>
    <hyperlink ref="C23" location="'CNANO-Xpro Pin Compatibility'!A1" display="Curiosity Nano Touch XPRO Pin Compatibility" xr:uid="{0A6E238B-69E5-4E38-85AF-9E054402B56A}"/>
    <hyperlink ref="C8" location="'Rel 7.3 Modules Information'!A1" display="Rel 7.3 Modules Information" xr:uid="{3AB52D83-EFF9-4D96-9A79-59EFA6B4C272}"/>
    <hyperlink ref="C7" location="'Rel 7.4 Modules Information'!A1" display="Rel 7.4 Modules Information" xr:uid="{423F6772-D2FE-4667-8034-6388D37E3437}"/>
  </hyperlink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E97F886-0D08-4735-83B9-1C06D4027C4A}">
  <dimension ref="A1:K94"/>
  <sheetViews>
    <sheetView zoomScaleNormal="100" workbookViewId="0">
      <pane ySplit="1" topLeftCell="A77" activePane="bottomLeft" state="frozen"/>
      <selection pane="bottomLeft" activeCell="D80" sqref="D80"/>
    </sheetView>
  </sheetViews>
  <sheetFormatPr defaultRowHeight="15"/>
  <cols>
    <col min="2" max="2" width="30.7109375" bestFit="1" customWidth="1"/>
    <col min="3" max="3" width="12.85546875" bestFit="1" customWidth="1"/>
    <col min="4" max="4" width="10" style="35" bestFit="1" customWidth="1"/>
    <col min="5" max="5" width="10.85546875" style="77" bestFit="1" customWidth="1"/>
    <col min="6" max="6" width="42.5703125" style="143" bestFit="1" customWidth="1"/>
    <col min="7" max="7" width="30.5703125" bestFit="1" customWidth="1"/>
    <col min="8" max="8" width="12.85546875" style="36" bestFit="1" customWidth="1"/>
    <col min="9" max="9" width="10" style="35" bestFit="1" customWidth="1"/>
    <col min="10" max="10" width="12" style="77" bestFit="1" customWidth="1"/>
    <col min="11" max="11" width="66.5703125" style="1" bestFit="1" customWidth="1"/>
  </cols>
  <sheetData>
    <row r="1" spans="2:11" ht="57" thickBot="1">
      <c r="B1" s="134" t="s">
        <v>749</v>
      </c>
      <c r="C1" s="135" t="s">
        <v>750</v>
      </c>
      <c r="D1" s="135" t="s">
        <v>751</v>
      </c>
      <c r="E1" s="136" t="s">
        <v>752</v>
      </c>
      <c r="F1" s="138" t="s">
        <v>753</v>
      </c>
      <c r="G1" s="137" t="s">
        <v>754</v>
      </c>
      <c r="H1" s="135" t="s">
        <v>750</v>
      </c>
      <c r="I1" s="135" t="s">
        <v>751</v>
      </c>
      <c r="J1" s="136" t="s">
        <v>752</v>
      </c>
      <c r="K1" s="144" t="s">
        <v>753</v>
      </c>
    </row>
    <row r="2" spans="2:11">
      <c r="B2" s="79" t="s">
        <v>755</v>
      </c>
      <c r="C2" s="80" t="s">
        <v>756</v>
      </c>
      <c r="D2" s="81">
        <v>1</v>
      </c>
      <c r="E2" s="82"/>
      <c r="F2" s="139" t="s">
        <v>757</v>
      </c>
      <c r="G2" s="91" t="s">
        <v>758</v>
      </c>
      <c r="H2" s="92" t="s">
        <v>759</v>
      </c>
      <c r="I2" s="93">
        <v>1</v>
      </c>
      <c r="J2" s="94"/>
      <c r="K2" s="140" t="s">
        <v>757</v>
      </c>
    </row>
    <row r="3" spans="2:11">
      <c r="B3" s="83"/>
      <c r="C3" s="84"/>
      <c r="D3" s="85">
        <v>1.1000000000000001</v>
      </c>
      <c r="E3" s="86"/>
      <c r="F3" s="124" t="s">
        <v>760</v>
      </c>
      <c r="G3" s="95"/>
      <c r="H3" s="18"/>
      <c r="I3" s="96">
        <v>1.1000000000000001</v>
      </c>
      <c r="J3" s="97"/>
      <c r="K3" s="106" t="s">
        <v>761</v>
      </c>
    </row>
    <row r="4" spans="2:11">
      <c r="B4" s="83"/>
      <c r="C4" s="84"/>
      <c r="D4" s="85">
        <v>1.2</v>
      </c>
      <c r="E4" s="86"/>
      <c r="F4" s="124" t="s">
        <v>762</v>
      </c>
      <c r="G4" s="95"/>
      <c r="H4" s="18"/>
      <c r="I4" s="96">
        <v>1.2</v>
      </c>
      <c r="J4" s="97"/>
      <c r="K4" s="106" t="s">
        <v>763</v>
      </c>
    </row>
    <row r="5" spans="2:11" ht="15.75" thickBot="1">
      <c r="B5" s="87"/>
      <c r="C5" s="88"/>
      <c r="D5" s="89">
        <v>1.3</v>
      </c>
      <c r="E5" s="90">
        <v>4</v>
      </c>
      <c r="F5" s="132" t="s">
        <v>764</v>
      </c>
      <c r="G5" s="98"/>
      <c r="H5" s="99"/>
      <c r="I5" s="100">
        <v>1.3</v>
      </c>
      <c r="J5" s="101" t="s">
        <v>765</v>
      </c>
      <c r="K5" s="107" t="s">
        <v>764</v>
      </c>
    </row>
    <row r="6" spans="2:11">
      <c r="B6" s="102" t="s">
        <v>766</v>
      </c>
      <c r="C6" s="92" t="s">
        <v>767</v>
      </c>
      <c r="D6" s="93">
        <v>1</v>
      </c>
      <c r="E6" s="94"/>
      <c r="F6" s="140" t="s">
        <v>757</v>
      </c>
      <c r="G6" s="121" t="s">
        <v>768</v>
      </c>
      <c r="H6" s="80" t="s">
        <v>769</v>
      </c>
      <c r="I6" s="81">
        <v>1</v>
      </c>
      <c r="J6" s="82"/>
      <c r="K6" s="139" t="s">
        <v>757</v>
      </c>
    </row>
    <row r="7" spans="2:11">
      <c r="B7" s="103"/>
      <c r="C7" s="18"/>
      <c r="D7" s="96">
        <v>1.1000000000000001</v>
      </c>
      <c r="E7" s="97"/>
      <c r="F7" s="106" t="s">
        <v>760</v>
      </c>
      <c r="G7" s="122"/>
      <c r="H7" s="84"/>
      <c r="I7" s="85">
        <v>1.1000000000000001</v>
      </c>
      <c r="J7" s="86" t="s">
        <v>765</v>
      </c>
      <c r="K7" s="124" t="s">
        <v>764</v>
      </c>
    </row>
    <row r="8" spans="2:11" ht="16.5" customHeight="1">
      <c r="B8" s="103"/>
      <c r="C8" s="18"/>
      <c r="D8" s="96">
        <v>1.2</v>
      </c>
      <c r="E8" s="97"/>
      <c r="F8" s="106" t="s">
        <v>762</v>
      </c>
      <c r="G8" s="246"/>
      <c r="H8" s="244"/>
      <c r="I8" s="242">
        <v>1.2</v>
      </c>
      <c r="J8" s="242">
        <v>7</v>
      </c>
      <c r="K8" s="240" t="s">
        <v>770</v>
      </c>
    </row>
    <row r="9" spans="2:11" ht="15.75" thickBot="1">
      <c r="B9" s="104"/>
      <c r="C9" s="99"/>
      <c r="D9" s="100">
        <v>1.3</v>
      </c>
      <c r="E9" s="101" t="s">
        <v>765</v>
      </c>
      <c r="F9" s="107" t="s">
        <v>764</v>
      </c>
      <c r="G9" s="247"/>
      <c r="H9" s="245"/>
      <c r="I9" s="243"/>
      <c r="J9" s="243"/>
      <c r="K9" s="241"/>
    </row>
    <row r="10" spans="2:11">
      <c r="B10" s="79" t="s">
        <v>771</v>
      </c>
      <c r="C10" s="80" t="s">
        <v>772</v>
      </c>
      <c r="D10" s="81">
        <v>1</v>
      </c>
      <c r="E10" s="82"/>
      <c r="F10" s="139" t="s">
        <v>757</v>
      </c>
      <c r="G10" s="91" t="s">
        <v>773</v>
      </c>
      <c r="H10" s="92" t="s">
        <v>774</v>
      </c>
      <c r="I10" s="93">
        <v>0.4</v>
      </c>
      <c r="J10" s="94">
        <v>4</v>
      </c>
      <c r="K10" s="140" t="s">
        <v>757</v>
      </c>
    </row>
    <row r="11" spans="2:11" ht="30">
      <c r="B11" s="83"/>
      <c r="C11" s="84"/>
      <c r="D11" s="85">
        <v>1.1000000000000001</v>
      </c>
      <c r="E11" s="86"/>
      <c r="F11" s="124" t="s">
        <v>762</v>
      </c>
      <c r="G11" s="95"/>
      <c r="H11" s="18"/>
      <c r="I11" s="96">
        <v>1</v>
      </c>
      <c r="J11" s="97">
        <v>5</v>
      </c>
      <c r="K11" s="106" t="s">
        <v>775</v>
      </c>
    </row>
    <row r="12" spans="2:11" ht="30">
      <c r="B12" s="83"/>
      <c r="C12" s="84"/>
      <c r="D12" s="85">
        <v>1.2</v>
      </c>
      <c r="E12" s="86" t="s">
        <v>765</v>
      </c>
      <c r="F12" s="124" t="s">
        <v>764</v>
      </c>
      <c r="G12" s="95"/>
      <c r="H12" s="18"/>
      <c r="I12" s="96">
        <v>1.1000000000000001</v>
      </c>
      <c r="J12" s="97">
        <v>7.1</v>
      </c>
      <c r="K12" s="106" t="s">
        <v>776</v>
      </c>
    </row>
    <row r="13" spans="2:11" ht="45.75" thickBot="1">
      <c r="B13" s="87"/>
      <c r="C13" s="88"/>
      <c r="D13" s="89">
        <v>1.4</v>
      </c>
      <c r="E13" s="90">
        <v>6</v>
      </c>
      <c r="F13" s="125" t="s">
        <v>777</v>
      </c>
      <c r="G13" s="98"/>
      <c r="H13" s="99"/>
      <c r="I13" s="100"/>
      <c r="J13" s="101"/>
      <c r="K13" s="107"/>
    </row>
    <row r="14" spans="2:11">
      <c r="B14" s="102" t="s">
        <v>778</v>
      </c>
      <c r="C14" s="92" t="s">
        <v>779</v>
      </c>
      <c r="D14" s="93">
        <v>1</v>
      </c>
      <c r="E14" s="94"/>
      <c r="F14" s="140" t="s">
        <v>757</v>
      </c>
      <c r="G14" s="121" t="s">
        <v>780</v>
      </c>
      <c r="H14" s="80" t="s">
        <v>781</v>
      </c>
      <c r="I14" s="81" t="s">
        <v>782</v>
      </c>
      <c r="J14" s="82">
        <v>4</v>
      </c>
      <c r="K14" s="139" t="s">
        <v>757</v>
      </c>
    </row>
    <row r="15" spans="2:11" ht="30">
      <c r="B15" s="103"/>
      <c r="C15" s="18"/>
      <c r="D15" s="96">
        <v>1.1000000000000001</v>
      </c>
      <c r="E15" s="97"/>
      <c r="F15" s="106" t="s">
        <v>762</v>
      </c>
      <c r="G15" s="122"/>
      <c r="H15" s="84"/>
      <c r="I15" s="85">
        <v>1</v>
      </c>
      <c r="J15" s="86">
        <v>5</v>
      </c>
      <c r="K15" s="124" t="s">
        <v>775</v>
      </c>
    </row>
    <row r="16" spans="2:11">
      <c r="B16" s="103"/>
      <c r="C16" s="18"/>
      <c r="D16" s="96">
        <v>1.2</v>
      </c>
      <c r="E16" s="97" t="s">
        <v>765</v>
      </c>
      <c r="F16" s="106" t="s">
        <v>764</v>
      </c>
      <c r="G16" s="122"/>
      <c r="H16" s="84"/>
      <c r="I16" s="85">
        <v>1.1000000000000001</v>
      </c>
      <c r="J16" s="86">
        <v>7.3</v>
      </c>
      <c r="K16" s="124" t="s">
        <v>959</v>
      </c>
    </row>
    <row r="17" spans="2:11" ht="45.75" thickBot="1">
      <c r="B17" s="104"/>
      <c r="C17" s="99"/>
      <c r="D17" s="100">
        <v>1.4</v>
      </c>
      <c r="E17" s="101">
        <v>6</v>
      </c>
      <c r="F17" s="105" t="s">
        <v>777</v>
      </c>
      <c r="G17" s="123"/>
      <c r="H17" s="88"/>
      <c r="I17" s="90">
        <v>1.2</v>
      </c>
      <c r="J17" s="90">
        <v>7.3</v>
      </c>
      <c r="K17" s="206" t="s">
        <v>960</v>
      </c>
    </row>
    <row r="18" spans="2:11">
      <c r="B18" s="79" t="s">
        <v>783</v>
      </c>
      <c r="C18" s="80" t="s">
        <v>784</v>
      </c>
      <c r="D18" s="81">
        <v>1</v>
      </c>
      <c r="E18" s="82"/>
      <c r="F18" s="139" t="s">
        <v>757</v>
      </c>
      <c r="G18" s="113" t="s">
        <v>785</v>
      </c>
      <c r="H18" s="114" t="s">
        <v>786</v>
      </c>
      <c r="I18" s="115">
        <v>1</v>
      </c>
      <c r="J18" s="116"/>
      <c r="K18" s="145" t="s">
        <v>757</v>
      </c>
    </row>
    <row r="19" spans="2:11">
      <c r="B19" s="83"/>
      <c r="C19" s="84"/>
      <c r="D19" s="85">
        <v>1.1000000000000001</v>
      </c>
      <c r="E19" s="86"/>
      <c r="F19" s="124" t="s">
        <v>762</v>
      </c>
      <c r="G19" s="117"/>
      <c r="H19" s="18"/>
      <c r="I19" s="96">
        <v>1.1000000000000001</v>
      </c>
      <c r="J19" s="97"/>
      <c r="K19" s="146" t="s">
        <v>787</v>
      </c>
    </row>
    <row r="20" spans="2:11">
      <c r="B20" s="83"/>
      <c r="C20" s="84"/>
      <c r="D20" s="85">
        <v>1.2</v>
      </c>
      <c r="E20" s="86"/>
      <c r="F20" s="124" t="s">
        <v>788</v>
      </c>
      <c r="G20" s="117"/>
      <c r="H20" s="18"/>
      <c r="I20" s="96">
        <v>1.2</v>
      </c>
      <c r="J20" s="97"/>
      <c r="K20" s="146" t="s">
        <v>789</v>
      </c>
    </row>
    <row r="21" spans="2:11">
      <c r="B21" s="83"/>
      <c r="C21" s="84"/>
      <c r="D21" s="85">
        <v>1.3</v>
      </c>
      <c r="E21" s="86"/>
      <c r="F21" s="124" t="s">
        <v>790</v>
      </c>
      <c r="G21" s="117"/>
      <c r="H21" s="18"/>
      <c r="I21" s="96">
        <v>1.3</v>
      </c>
      <c r="J21" s="97"/>
      <c r="K21" s="146" t="s">
        <v>791</v>
      </c>
    </row>
    <row r="22" spans="2:11">
      <c r="B22" s="83"/>
      <c r="C22" s="84"/>
      <c r="D22" s="85">
        <v>1.4</v>
      </c>
      <c r="E22" s="86"/>
      <c r="F22" s="124" t="s">
        <v>792</v>
      </c>
      <c r="G22" s="117"/>
      <c r="H22" s="18"/>
      <c r="I22" s="96">
        <v>1.4</v>
      </c>
      <c r="J22" s="97" t="s">
        <v>765</v>
      </c>
      <c r="K22" s="146" t="s">
        <v>764</v>
      </c>
    </row>
    <row r="23" spans="2:11">
      <c r="B23" s="83"/>
      <c r="C23" s="84"/>
      <c r="D23" s="85">
        <v>1.5</v>
      </c>
      <c r="E23" s="86"/>
      <c r="F23" s="124" t="s">
        <v>793</v>
      </c>
      <c r="G23" s="117"/>
      <c r="H23" s="18"/>
      <c r="I23" s="96"/>
      <c r="J23" s="97"/>
      <c r="K23" s="146"/>
    </row>
    <row r="24" spans="2:11">
      <c r="B24" s="83"/>
      <c r="C24" s="84"/>
      <c r="D24" s="85">
        <v>1.6</v>
      </c>
      <c r="E24" s="86" t="s">
        <v>765</v>
      </c>
      <c r="F24" s="124" t="s">
        <v>764</v>
      </c>
      <c r="G24" s="117"/>
      <c r="H24" s="18"/>
      <c r="I24" s="96"/>
      <c r="J24" s="97"/>
      <c r="K24" s="146"/>
    </row>
    <row r="25" spans="2:11" ht="15.75" thickBot="1">
      <c r="B25" s="87"/>
      <c r="C25" s="88"/>
      <c r="D25" s="89">
        <v>1.7</v>
      </c>
      <c r="E25" s="90">
        <v>6</v>
      </c>
      <c r="F25" s="125" t="s">
        <v>794</v>
      </c>
      <c r="G25" s="20"/>
      <c r="H25" s="118"/>
      <c r="I25" s="119"/>
      <c r="J25" s="120"/>
      <c r="K25" s="147"/>
    </row>
    <row r="26" spans="2:11">
      <c r="B26" s="102" t="s">
        <v>795</v>
      </c>
      <c r="C26" s="92" t="s">
        <v>796</v>
      </c>
      <c r="D26" s="93">
        <v>1</v>
      </c>
      <c r="E26" s="94"/>
      <c r="F26" s="140" t="s">
        <v>757</v>
      </c>
      <c r="G26" s="121" t="s">
        <v>797</v>
      </c>
      <c r="H26" s="80" t="s">
        <v>798</v>
      </c>
      <c r="I26" s="81">
        <v>1</v>
      </c>
      <c r="J26" s="126" t="s">
        <v>799</v>
      </c>
      <c r="K26" s="148" t="s">
        <v>800</v>
      </c>
    </row>
    <row r="27" spans="2:11">
      <c r="B27" s="103"/>
      <c r="C27" s="18"/>
      <c r="D27" s="96">
        <v>1.1000000000000001</v>
      </c>
      <c r="E27" s="97"/>
      <c r="F27" s="106" t="s">
        <v>762</v>
      </c>
      <c r="G27" s="122"/>
      <c r="H27" s="84"/>
      <c r="I27" s="85">
        <v>1.1000000000000001</v>
      </c>
      <c r="J27" s="86"/>
      <c r="K27" s="149" t="s">
        <v>801</v>
      </c>
    </row>
    <row r="28" spans="2:11">
      <c r="B28" s="103"/>
      <c r="C28" s="18"/>
      <c r="D28" s="96">
        <v>1.2</v>
      </c>
      <c r="E28" s="97"/>
      <c r="F28" s="106" t="s">
        <v>788</v>
      </c>
      <c r="G28" s="122"/>
      <c r="H28" s="84"/>
      <c r="I28" s="85">
        <v>1.2</v>
      </c>
      <c r="J28" s="86"/>
      <c r="K28" s="149" t="s">
        <v>802</v>
      </c>
    </row>
    <row r="29" spans="2:11">
      <c r="B29" s="103"/>
      <c r="C29" s="18"/>
      <c r="D29" s="96">
        <v>1.3</v>
      </c>
      <c r="E29" s="97"/>
      <c r="F29" s="106" t="s">
        <v>790</v>
      </c>
      <c r="G29" s="122"/>
      <c r="H29" s="84"/>
      <c r="I29" s="85">
        <v>1.3</v>
      </c>
      <c r="J29" s="86"/>
      <c r="K29" s="149" t="s">
        <v>803</v>
      </c>
    </row>
    <row r="30" spans="2:11">
      <c r="B30" s="103"/>
      <c r="C30" s="18"/>
      <c r="D30" s="96">
        <v>1.4</v>
      </c>
      <c r="E30" s="97"/>
      <c r="F30" s="106" t="s">
        <v>792</v>
      </c>
      <c r="G30" s="122"/>
      <c r="H30" s="84"/>
      <c r="I30" s="85">
        <v>1.4</v>
      </c>
      <c r="J30" s="86">
        <v>6.1</v>
      </c>
      <c r="K30" s="149" t="s">
        <v>804</v>
      </c>
    </row>
    <row r="31" spans="2:11">
      <c r="B31" s="103"/>
      <c r="C31" s="18"/>
      <c r="D31" s="96">
        <v>1.5</v>
      </c>
      <c r="E31" s="97"/>
      <c r="F31" s="106" t="s">
        <v>793</v>
      </c>
      <c r="G31" s="122"/>
      <c r="H31" s="84"/>
      <c r="I31" s="85"/>
      <c r="J31" s="86"/>
      <c r="K31" s="124"/>
    </row>
    <row r="32" spans="2:11">
      <c r="B32" s="103"/>
      <c r="C32" s="18"/>
      <c r="D32" s="96">
        <v>1.6</v>
      </c>
      <c r="E32" s="97" t="s">
        <v>765</v>
      </c>
      <c r="F32" s="106" t="s">
        <v>764</v>
      </c>
      <c r="G32" s="122"/>
      <c r="H32" s="84"/>
      <c r="I32" s="85"/>
      <c r="J32" s="86"/>
      <c r="K32" s="124"/>
    </row>
    <row r="33" spans="2:11" ht="15.75" thickBot="1">
      <c r="B33" s="104"/>
      <c r="C33" s="99"/>
      <c r="D33" s="100">
        <v>1.7</v>
      </c>
      <c r="E33" s="101">
        <v>6</v>
      </c>
      <c r="F33" s="105" t="s">
        <v>794</v>
      </c>
      <c r="G33" s="123"/>
      <c r="H33" s="88"/>
      <c r="I33" s="89"/>
      <c r="J33" s="90"/>
      <c r="K33" s="132"/>
    </row>
    <row r="34" spans="2:11">
      <c r="B34" s="79" t="s">
        <v>805</v>
      </c>
      <c r="C34" s="80" t="s">
        <v>806</v>
      </c>
      <c r="D34" s="81">
        <v>1</v>
      </c>
      <c r="E34" s="82"/>
      <c r="F34" s="139" t="s">
        <v>757</v>
      </c>
      <c r="G34" s="91" t="s">
        <v>807</v>
      </c>
      <c r="H34" s="92" t="s">
        <v>808</v>
      </c>
      <c r="I34" s="93">
        <v>1</v>
      </c>
      <c r="J34" s="94">
        <v>5</v>
      </c>
      <c r="K34" s="140" t="s">
        <v>757</v>
      </c>
    </row>
    <row r="35" spans="2:11">
      <c r="B35" s="83"/>
      <c r="C35" s="84"/>
      <c r="D35" s="85">
        <v>1.1000000000000001</v>
      </c>
      <c r="E35" s="86"/>
      <c r="F35" s="124" t="s">
        <v>760</v>
      </c>
      <c r="G35" s="95"/>
      <c r="H35" s="18"/>
      <c r="I35" s="96"/>
      <c r="J35" s="97"/>
      <c r="K35" s="106"/>
    </row>
    <row r="36" spans="2:11">
      <c r="B36" s="83"/>
      <c r="C36" s="84"/>
      <c r="D36" s="85">
        <v>1.2</v>
      </c>
      <c r="E36" s="86"/>
      <c r="F36" s="124" t="s">
        <v>762</v>
      </c>
      <c r="G36" s="95"/>
      <c r="H36" s="18"/>
      <c r="I36" s="96"/>
      <c r="J36" s="97"/>
      <c r="K36" s="106"/>
    </row>
    <row r="37" spans="2:11">
      <c r="B37" s="83"/>
      <c r="C37" s="84"/>
      <c r="D37" s="85">
        <v>1.3</v>
      </c>
      <c r="E37" s="86"/>
      <c r="F37" s="124" t="s">
        <v>809</v>
      </c>
      <c r="G37" s="95"/>
      <c r="H37" s="18"/>
      <c r="I37" s="96"/>
      <c r="J37" s="97"/>
      <c r="K37" s="106"/>
    </row>
    <row r="38" spans="2:11">
      <c r="B38" s="83"/>
      <c r="C38" s="84"/>
      <c r="D38" s="85">
        <v>1.4</v>
      </c>
      <c r="E38" s="86">
        <v>4</v>
      </c>
      <c r="F38" s="124" t="s">
        <v>764</v>
      </c>
      <c r="G38" s="95"/>
      <c r="H38" s="18"/>
      <c r="I38" s="96"/>
      <c r="J38" s="97"/>
      <c r="K38" s="106"/>
    </row>
    <row r="39" spans="2:11" ht="15.75" thickBot="1">
      <c r="B39" s="87"/>
      <c r="C39" s="88"/>
      <c r="D39" s="89">
        <v>1.5</v>
      </c>
      <c r="E39" s="90">
        <v>5</v>
      </c>
      <c r="F39" s="132" t="s">
        <v>810</v>
      </c>
      <c r="G39" s="98"/>
      <c r="H39" s="99"/>
      <c r="I39" s="100"/>
      <c r="J39" s="101"/>
      <c r="K39" s="107"/>
    </row>
    <row r="40" spans="2:11">
      <c r="B40" s="102" t="s">
        <v>811</v>
      </c>
      <c r="C40" s="92" t="s">
        <v>812</v>
      </c>
      <c r="D40" s="93">
        <v>1</v>
      </c>
      <c r="E40" s="94"/>
      <c r="F40" s="140" t="s">
        <v>757</v>
      </c>
      <c r="G40" s="121" t="s">
        <v>813</v>
      </c>
      <c r="H40" s="80" t="s">
        <v>814</v>
      </c>
      <c r="I40" s="81">
        <v>1</v>
      </c>
      <c r="J40" s="82">
        <v>5</v>
      </c>
      <c r="K40" s="139" t="s">
        <v>757</v>
      </c>
    </row>
    <row r="41" spans="2:11" ht="30">
      <c r="B41" s="103"/>
      <c r="C41" s="18"/>
      <c r="D41" s="96">
        <v>1.1000000000000001</v>
      </c>
      <c r="E41" s="97"/>
      <c r="F41" s="106" t="s">
        <v>760</v>
      </c>
      <c r="G41" s="122"/>
      <c r="H41" s="84"/>
      <c r="I41" s="85">
        <v>1.1000000000000001</v>
      </c>
      <c r="J41" s="86">
        <v>6.3</v>
      </c>
      <c r="K41" s="124" t="s">
        <v>815</v>
      </c>
    </row>
    <row r="42" spans="2:11">
      <c r="B42" s="103"/>
      <c r="C42" s="18"/>
      <c r="D42" s="96">
        <v>1.2</v>
      </c>
      <c r="E42" s="97"/>
      <c r="F42" s="106" t="s">
        <v>762</v>
      </c>
      <c r="G42" s="122"/>
      <c r="H42" s="84"/>
      <c r="I42" s="85"/>
      <c r="J42" s="86"/>
      <c r="K42" s="124"/>
    </row>
    <row r="43" spans="2:11">
      <c r="B43" s="103"/>
      <c r="C43" s="18"/>
      <c r="D43" s="96">
        <v>1.3</v>
      </c>
      <c r="E43" s="97"/>
      <c r="F43" s="106" t="s">
        <v>809</v>
      </c>
      <c r="G43" s="122"/>
      <c r="H43" s="84"/>
      <c r="I43" s="85"/>
      <c r="J43" s="86"/>
      <c r="K43" s="124"/>
    </row>
    <row r="44" spans="2:11" ht="15.75" thickBot="1">
      <c r="B44" s="103"/>
      <c r="C44" s="18"/>
      <c r="D44" s="96">
        <v>1.4</v>
      </c>
      <c r="E44" s="97">
        <v>4</v>
      </c>
      <c r="F44" s="106" t="s">
        <v>764</v>
      </c>
      <c r="G44" s="123"/>
      <c r="H44" s="88"/>
      <c r="I44" s="89"/>
      <c r="J44" s="90"/>
      <c r="K44" s="132"/>
    </row>
    <row r="45" spans="2:11" ht="15.75" thickBot="1">
      <c r="B45" s="104"/>
      <c r="C45" s="99"/>
      <c r="D45" s="100">
        <v>1.5</v>
      </c>
      <c r="E45" s="101">
        <v>5</v>
      </c>
      <c r="F45" s="107" t="s">
        <v>810</v>
      </c>
      <c r="G45" s="98" t="s">
        <v>816</v>
      </c>
      <c r="H45" s="98" t="s">
        <v>817</v>
      </c>
      <c r="I45" s="93">
        <v>1</v>
      </c>
      <c r="J45" s="93">
        <v>7.2</v>
      </c>
      <c r="K45" s="93" t="s">
        <v>757</v>
      </c>
    </row>
    <row r="46" spans="2:11">
      <c r="B46" s="79" t="s">
        <v>818</v>
      </c>
      <c r="C46" s="80" t="s">
        <v>819</v>
      </c>
      <c r="D46" s="81">
        <v>0.5</v>
      </c>
      <c r="E46" s="82">
        <v>4</v>
      </c>
      <c r="F46" s="139" t="s">
        <v>757</v>
      </c>
      <c r="G46" s="122" t="s">
        <v>820</v>
      </c>
      <c r="H46" s="122" t="s">
        <v>821</v>
      </c>
      <c r="I46" s="81">
        <v>1</v>
      </c>
      <c r="J46" s="81">
        <v>7.2</v>
      </c>
      <c r="K46" s="122" t="s">
        <v>757</v>
      </c>
    </row>
    <row r="47" spans="2:11" ht="45">
      <c r="B47" s="83"/>
      <c r="C47" s="84"/>
      <c r="D47" s="85">
        <v>1</v>
      </c>
      <c r="E47" s="86">
        <v>5</v>
      </c>
      <c r="F47" s="124" t="s">
        <v>775</v>
      </c>
      <c r="G47" s="78"/>
      <c r="H47" s="15"/>
      <c r="I47" s="34"/>
      <c r="J47" s="76"/>
      <c r="K47" s="33"/>
    </row>
    <row r="48" spans="2:11" ht="45.75" thickBot="1">
      <c r="B48" s="87"/>
      <c r="C48" s="88"/>
      <c r="D48" s="89">
        <v>1.2</v>
      </c>
      <c r="E48" s="90">
        <v>6</v>
      </c>
      <c r="F48" s="125" t="s">
        <v>777</v>
      </c>
      <c r="G48" s="78"/>
      <c r="H48" s="15"/>
      <c r="I48" s="34"/>
      <c r="J48" s="76"/>
      <c r="K48" s="33"/>
    </row>
    <row r="49" spans="2:11" ht="30.75" thickBot="1">
      <c r="B49" s="174"/>
      <c r="C49" s="175"/>
      <c r="D49" s="161">
        <v>1.3</v>
      </c>
      <c r="E49" s="90">
        <v>7</v>
      </c>
      <c r="F49" s="125" t="s">
        <v>822</v>
      </c>
      <c r="G49" s="78"/>
      <c r="H49" s="15"/>
      <c r="I49" s="34"/>
      <c r="J49" s="76"/>
      <c r="K49" s="33"/>
    </row>
    <row r="50" spans="2:11">
      <c r="B50" s="102" t="s">
        <v>823</v>
      </c>
      <c r="C50" s="92" t="s">
        <v>824</v>
      </c>
      <c r="D50" s="93">
        <v>0.3</v>
      </c>
      <c r="E50" s="94">
        <v>4</v>
      </c>
      <c r="F50" s="140" t="s">
        <v>757</v>
      </c>
      <c r="G50" s="78"/>
      <c r="H50" s="15"/>
      <c r="I50" s="34"/>
      <c r="J50" s="76"/>
      <c r="K50" s="33"/>
    </row>
    <row r="51" spans="2:11" ht="45">
      <c r="B51" s="103"/>
      <c r="C51" s="18"/>
      <c r="D51" s="96">
        <v>1</v>
      </c>
      <c r="E51" s="97">
        <v>5</v>
      </c>
      <c r="F51" s="106" t="s">
        <v>775</v>
      </c>
      <c r="G51" s="78"/>
      <c r="H51" s="15"/>
      <c r="I51" s="34"/>
      <c r="J51" s="76"/>
      <c r="K51" s="33"/>
    </row>
    <row r="52" spans="2:11" ht="45.75" thickBot="1">
      <c r="B52" s="104"/>
      <c r="C52" s="99"/>
      <c r="D52" s="100">
        <v>1.2</v>
      </c>
      <c r="E52" s="101">
        <v>6</v>
      </c>
      <c r="F52" s="105" t="s">
        <v>777</v>
      </c>
      <c r="G52" s="78"/>
      <c r="H52" s="15"/>
      <c r="I52" s="34"/>
      <c r="J52" s="76"/>
      <c r="K52" s="33"/>
    </row>
    <row r="53" spans="2:11" ht="30.75" thickBot="1">
      <c r="B53" s="150"/>
      <c r="C53" s="151"/>
      <c r="D53" s="152">
        <v>1.3</v>
      </c>
      <c r="E53" s="153">
        <v>7</v>
      </c>
      <c r="F53" s="105" t="s">
        <v>822</v>
      </c>
      <c r="G53" s="78"/>
      <c r="H53" s="15"/>
      <c r="I53" s="34"/>
      <c r="J53" s="76"/>
      <c r="K53" s="33"/>
    </row>
    <row r="54" spans="2:11">
      <c r="B54" s="79" t="s">
        <v>825</v>
      </c>
      <c r="C54" s="80" t="s">
        <v>826</v>
      </c>
      <c r="D54" s="81">
        <v>0.7</v>
      </c>
      <c r="E54" s="82">
        <v>4</v>
      </c>
      <c r="F54" s="139" t="s">
        <v>757</v>
      </c>
      <c r="G54" s="78"/>
      <c r="H54" s="15"/>
      <c r="I54" s="34"/>
      <c r="J54" s="76"/>
      <c r="K54" s="33"/>
    </row>
    <row r="55" spans="2:11" ht="45.75" thickBot="1">
      <c r="B55" s="87"/>
      <c r="C55" s="88"/>
      <c r="D55" s="89">
        <v>1</v>
      </c>
      <c r="E55" s="90">
        <v>5</v>
      </c>
      <c r="F55" s="132" t="s">
        <v>775</v>
      </c>
      <c r="G55" s="78"/>
      <c r="H55" s="15"/>
      <c r="I55" s="34"/>
      <c r="J55" s="76"/>
      <c r="K55" s="33"/>
    </row>
    <row r="56" spans="2:11">
      <c r="B56" s="102" t="s">
        <v>827</v>
      </c>
      <c r="C56" s="92" t="s">
        <v>828</v>
      </c>
      <c r="D56" s="93">
        <v>0.7</v>
      </c>
      <c r="E56" s="94">
        <v>4</v>
      </c>
      <c r="F56" s="140" t="s">
        <v>757</v>
      </c>
      <c r="G56" s="78"/>
      <c r="H56" s="15"/>
      <c r="I56" s="34"/>
      <c r="J56" s="76"/>
      <c r="K56" s="33"/>
    </row>
    <row r="57" spans="2:11" ht="45.75" thickBot="1">
      <c r="B57" s="104"/>
      <c r="C57" s="99"/>
      <c r="D57" s="100">
        <v>1</v>
      </c>
      <c r="E57" s="101">
        <v>5</v>
      </c>
      <c r="F57" s="107" t="s">
        <v>775</v>
      </c>
      <c r="G57" s="78"/>
      <c r="H57" s="15"/>
      <c r="I57" s="34"/>
      <c r="J57" s="76"/>
      <c r="K57" s="33"/>
    </row>
    <row r="58" spans="2:11">
      <c r="B58" s="168" t="s">
        <v>829</v>
      </c>
      <c r="C58" s="168" t="s">
        <v>830</v>
      </c>
      <c r="D58" s="168">
        <v>0.9</v>
      </c>
      <c r="E58" s="168">
        <v>4</v>
      </c>
      <c r="F58" s="168" t="s">
        <v>757</v>
      </c>
      <c r="G58" s="78"/>
      <c r="H58" s="15"/>
      <c r="I58" s="34"/>
      <c r="J58" s="76"/>
      <c r="K58" s="33"/>
    </row>
    <row r="59" spans="2:11" ht="45">
      <c r="B59" s="168"/>
      <c r="C59" s="166"/>
      <c r="D59" s="133">
        <v>1</v>
      </c>
      <c r="E59" s="170">
        <v>5</v>
      </c>
      <c r="F59" s="172" t="s">
        <v>775</v>
      </c>
      <c r="G59" s="78"/>
      <c r="H59" s="15"/>
      <c r="I59" s="34"/>
      <c r="J59" s="76"/>
      <c r="K59" s="33"/>
    </row>
    <row r="60" spans="2:11" ht="45.75" thickBot="1">
      <c r="B60" s="169"/>
      <c r="C60" s="167"/>
      <c r="D60" s="161">
        <v>1.2</v>
      </c>
      <c r="E60" s="171">
        <v>6.5</v>
      </c>
      <c r="F60" s="173" t="s">
        <v>831</v>
      </c>
      <c r="G60" s="78"/>
      <c r="H60" s="15"/>
      <c r="I60" s="34"/>
      <c r="J60" s="76"/>
      <c r="K60" s="33"/>
    </row>
    <row r="61" spans="2:11">
      <c r="B61" s="102" t="s">
        <v>832</v>
      </c>
      <c r="C61" s="92" t="s">
        <v>833</v>
      </c>
      <c r="D61" s="93">
        <v>0.8</v>
      </c>
      <c r="E61" s="94">
        <v>4</v>
      </c>
      <c r="F61" s="140" t="s">
        <v>757</v>
      </c>
      <c r="G61" s="78"/>
      <c r="H61" s="15"/>
      <c r="I61" s="34"/>
      <c r="J61" s="76"/>
      <c r="K61" s="33"/>
    </row>
    <row r="62" spans="2:11">
      <c r="B62" s="103"/>
      <c r="C62" s="18"/>
      <c r="D62" s="96">
        <v>1</v>
      </c>
      <c r="E62" s="97">
        <v>5</v>
      </c>
      <c r="F62" s="106" t="s">
        <v>834</v>
      </c>
      <c r="G62" s="78"/>
      <c r="H62" s="15"/>
      <c r="I62" s="34"/>
      <c r="J62" s="76"/>
      <c r="K62" s="33"/>
    </row>
    <row r="63" spans="2:11">
      <c r="B63" s="103"/>
      <c r="C63" s="18"/>
      <c r="D63" s="96">
        <v>1.1000000000000001</v>
      </c>
      <c r="E63" s="97"/>
      <c r="F63" s="106" t="s">
        <v>835</v>
      </c>
      <c r="G63" s="78"/>
      <c r="H63" s="15"/>
      <c r="I63" s="34"/>
      <c r="J63" s="76"/>
      <c r="K63" s="33"/>
    </row>
    <row r="64" spans="2:11" ht="15.75" thickBot="1">
      <c r="B64" s="104"/>
      <c r="C64" s="99"/>
      <c r="D64" s="100">
        <v>1.2</v>
      </c>
      <c r="E64" s="101">
        <v>6.1</v>
      </c>
      <c r="F64" s="107" t="s">
        <v>836</v>
      </c>
      <c r="G64" s="78"/>
      <c r="H64" s="15"/>
      <c r="I64" s="34"/>
      <c r="J64" s="76"/>
      <c r="K64" s="33"/>
    </row>
    <row r="65" spans="2:11" ht="30.75" thickBot="1">
      <c r="B65" s="150"/>
      <c r="C65" s="151"/>
      <c r="D65" s="100">
        <v>1.3</v>
      </c>
      <c r="E65" s="101">
        <v>6.4</v>
      </c>
      <c r="F65" s="155" t="s">
        <v>837</v>
      </c>
      <c r="G65" s="78"/>
      <c r="H65" s="15"/>
      <c r="I65" s="34"/>
      <c r="J65" s="76"/>
      <c r="K65" s="33"/>
    </row>
    <row r="66" spans="2:11">
      <c r="B66" s="79" t="s">
        <v>838</v>
      </c>
      <c r="C66" s="80" t="s">
        <v>839</v>
      </c>
      <c r="D66" s="81">
        <v>0.4</v>
      </c>
      <c r="E66" s="82">
        <v>4</v>
      </c>
      <c r="F66" s="139" t="s">
        <v>757</v>
      </c>
      <c r="G66" s="78"/>
      <c r="H66" s="15"/>
      <c r="I66" s="34"/>
      <c r="J66" s="76"/>
      <c r="K66" s="33"/>
    </row>
    <row r="67" spans="2:11" ht="45">
      <c r="B67" s="83"/>
      <c r="C67" s="84"/>
      <c r="D67" s="85">
        <v>1</v>
      </c>
      <c r="E67" s="86">
        <v>5</v>
      </c>
      <c r="F67" s="124" t="s">
        <v>775</v>
      </c>
      <c r="G67" s="78"/>
      <c r="H67" s="15"/>
      <c r="I67" s="34"/>
      <c r="J67" s="76"/>
      <c r="K67" s="33"/>
    </row>
    <row r="68" spans="2:11">
      <c r="B68" s="83"/>
      <c r="C68" s="84"/>
      <c r="D68" s="85">
        <v>1.2</v>
      </c>
      <c r="E68" s="86">
        <v>6.1</v>
      </c>
      <c r="F68" s="124" t="s">
        <v>836</v>
      </c>
      <c r="G68" s="78"/>
      <c r="H68" s="15"/>
      <c r="I68" s="34"/>
      <c r="J68" s="76"/>
      <c r="K68" s="33"/>
    </row>
    <row r="69" spans="2:11" ht="60.75" thickBot="1">
      <c r="B69" s="87"/>
      <c r="C69" s="88"/>
      <c r="D69" s="89">
        <v>1.4</v>
      </c>
      <c r="E69" s="90">
        <v>6.3</v>
      </c>
      <c r="F69" s="125" t="s">
        <v>840</v>
      </c>
      <c r="G69" s="78"/>
      <c r="H69" s="15"/>
      <c r="I69" s="34"/>
      <c r="J69" s="76"/>
      <c r="K69" s="33"/>
    </row>
    <row r="70" spans="2:11">
      <c r="B70" s="102" t="s">
        <v>841</v>
      </c>
      <c r="C70" s="92" t="s">
        <v>842</v>
      </c>
      <c r="D70" s="93">
        <v>0.2</v>
      </c>
      <c r="E70" s="94">
        <v>4</v>
      </c>
      <c r="F70" s="140" t="s">
        <v>757</v>
      </c>
      <c r="G70" s="78"/>
      <c r="H70" s="15"/>
      <c r="I70" s="34"/>
      <c r="J70" s="76"/>
      <c r="K70" s="33"/>
    </row>
    <row r="71" spans="2:11" ht="45.75" thickBot="1">
      <c r="B71" s="104"/>
      <c r="C71" s="99"/>
      <c r="D71" s="100">
        <v>1</v>
      </c>
      <c r="E71" s="101">
        <v>5</v>
      </c>
      <c r="F71" s="107" t="s">
        <v>775</v>
      </c>
      <c r="G71" s="78"/>
      <c r="H71" s="15"/>
      <c r="I71" s="34"/>
      <c r="J71" s="76"/>
      <c r="K71" s="33"/>
    </row>
    <row r="72" spans="2:11" ht="30.75" thickBot="1">
      <c r="B72" s="150"/>
      <c r="C72" s="151"/>
      <c r="D72" s="152">
        <v>1.1000000000000001</v>
      </c>
      <c r="E72" s="153">
        <v>6.4</v>
      </c>
      <c r="F72" s="154" t="s">
        <v>837</v>
      </c>
      <c r="G72" s="78"/>
      <c r="H72" s="15"/>
      <c r="I72" s="34"/>
      <c r="J72" s="76"/>
      <c r="K72" s="33"/>
    </row>
    <row r="73" spans="2:11">
      <c r="B73" s="79" t="s">
        <v>843</v>
      </c>
      <c r="C73" s="80" t="s">
        <v>844</v>
      </c>
      <c r="D73" s="81">
        <v>0.3</v>
      </c>
      <c r="E73" s="82">
        <v>4</v>
      </c>
      <c r="F73" s="139" t="s">
        <v>757</v>
      </c>
      <c r="G73" s="78"/>
      <c r="H73" s="15"/>
      <c r="I73" s="34"/>
      <c r="J73" s="76"/>
      <c r="K73" s="33"/>
    </row>
    <row r="74" spans="2:11" ht="45.75" thickBot="1">
      <c r="B74" s="123"/>
      <c r="C74" s="131"/>
      <c r="D74" s="89">
        <v>1</v>
      </c>
      <c r="E74" s="90">
        <v>5</v>
      </c>
      <c r="F74" s="132" t="s">
        <v>775</v>
      </c>
      <c r="G74" s="78"/>
      <c r="H74" s="15"/>
      <c r="I74" s="34"/>
      <c r="J74" s="76"/>
      <c r="K74" s="33"/>
    </row>
    <row r="75" spans="2:11" ht="30.75" thickBot="1">
      <c r="B75" s="156"/>
      <c r="C75" s="157"/>
      <c r="D75" s="158">
        <v>1.1000000000000001</v>
      </c>
      <c r="E75" s="179">
        <v>6.4</v>
      </c>
      <c r="F75" s="159" t="s">
        <v>837</v>
      </c>
      <c r="G75" s="78"/>
      <c r="H75" s="15"/>
      <c r="I75" s="34"/>
      <c r="J75" s="76"/>
      <c r="K75" s="33"/>
    </row>
    <row r="76" spans="2:11" ht="15.75" thickBot="1">
      <c r="B76" s="108" t="s">
        <v>845</v>
      </c>
      <c r="C76" s="109" t="s">
        <v>846</v>
      </c>
      <c r="D76" s="110">
        <v>1.1000000000000001</v>
      </c>
      <c r="E76" s="111">
        <v>5.0999999999999996</v>
      </c>
      <c r="F76" s="141" t="s">
        <v>847</v>
      </c>
      <c r="G76" s="78"/>
      <c r="H76" s="15"/>
      <c r="I76" s="34"/>
      <c r="J76" s="76"/>
      <c r="K76" s="33"/>
    </row>
    <row r="77" spans="2:11" ht="45.75" thickBot="1">
      <c r="B77" s="108"/>
      <c r="C77" s="109"/>
      <c r="D77" s="110">
        <v>1.2</v>
      </c>
      <c r="E77" s="111">
        <v>6</v>
      </c>
      <c r="F77" s="112" t="s">
        <v>777</v>
      </c>
      <c r="G77" s="78"/>
      <c r="H77" s="15"/>
      <c r="I77" s="34"/>
      <c r="J77" s="76"/>
      <c r="K77" s="33"/>
    </row>
    <row r="78" spans="2:11" ht="75.75" thickBot="1">
      <c r="B78" s="108"/>
      <c r="C78" s="109"/>
      <c r="D78" s="110" t="s">
        <v>963</v>
      </c>
      <c r="E78" s="111">
        <v>7.3</v>
      </c>
      <c r="F78" s="112" t="s">
        <v>964</v>
      </c>
      <c r="G78" s="78"/>
      <c r="H78" s="15"/>
      <c r="I78" s="34"/>
      <c r="J78" s="76"/>
      <c r="K78" s="33"/>
    </row>
    <row r="79" spans="2:11" ht="15.75" thickBot="1">
      <c r="B79" s="127" t="s">
        <v>848</v>
      </c>
      <c r="C79" s="128" t="s">
        <v>849</v>
      </c>
      <c r="D79" s="129">
        <v>1</v>
      </c>
      <c r="E79" s="130">
        <v>6.1</v>
      </c>
      <c r="F79" s="142" t="s">
        <v>757</v>
      </c>
      <c r="G79" s="78"/>
      <c r="H79" s="15"/>
      <c r="I79" s="34"/>
      <c r="J79" s="76"/>
      <c r="K79" s="33"/>
    </row>
    <row r="80" spans="2:11" ht="15.75" thickBot="1">
      <c r="B80" s="127"/>
      <c r="C80" s="128"/>
      <c r="D80" s="129" t="s">
        <v>973</v>
      </c>
      <c r="E80" s="130">
        <v>7.4</v>
      </c>
      <c r="F80" s="142" t="s">
        <v>967</v>
      </c>
      <c r="G80" s="78"/>
      <c r="H80" s="15"/>
      <c r="I80" s="34"/>
      <c r="J80" s="76"/>
      <c r="K80" s="33"/>
    </row>
    <row r="81" spans="1:11" ht="15.75" thickBot="1">
      <c r="B81" s="108" t="s">
        <v>850</v>
      </c>
      <c r="C81" s="109" t="s">
        <v>851</v>
      </c>
      <c r="D81" s="110">
        <v>1</v>
      </c>
      <c r="E81" s="111">
        <v>6.1</v>
      </c>
      <c r="F81" s="141" t="s">
        <v>757</v>
      </c>
      <c r="G81" s="78"/>
      <c r="H81" s="15"/>
      <c r="I81" s="34"/>
      <c r="J81" s="76"/>
      <c r="K81" s="33"/>
    </row>
    <row r="82" spans="1:11" ht="15.75" thickBot="1">
      <c r="B82" s="108"/>
      <c r="C82" s="109"/>
      <c r="D82" s="110">
        <v>2</v>
      </c>
      <c r="E82" s="111">
        <v>7.4</v>
      </c>
      <c r="F82" s="141" t="s">
        <v>967</v>
      </c>
      <c r="G82" s="78"/>
      <c r="H82" s="15"/>
      <c r="I82" s="34"/>
      <c r="J82" s="76"/>
      <c r="K82" s="33"/>
    </row>
    <row r="83" spans="1:11" ht="15.75" thickBot="1">
      <c r="B83" s="127" t="s">
        <v>852</v>
      </c>
      <c r="C83" s="128" t="s">
        <v>853</v>
      </c>
      <c r="D83" s="129">
        <v>1</v>
      </c>
      <c r="E83" s="130">
        <v>6.1</v>
      </c>
      <c r="F83" s="142" t="s">
        <v>757</v>
      </c>
      <c r="G83" s="78"/>
      <c r="H83" s="15"/>
      <c r="I83" s="34"/>
      <c r="J83" s="76"/>
      <c r="K83" s="33"/>
    </row>
    <row r="84" spans="1:11" ht="15.75" thickBot="1">
      <c r="B84" s="127"/>
      <c r="C84" s="128"/>
      <c r="D84" s="129">
        <v>2</v>
      </c>
      <c r="E84" s="130">
        <v>7.4</v>
      </c>
      <c r="F84" s="142" t="s">
        <v>967</v>
      </c>
      <c r="G84" s="207"/>
      <c r="H84" s="208"/>
      <c r="I84" s="209"/>
      <c r="J84" s="210"/>
      <c r="K84" s="211"/>
    </row>
    <row r="85" spans="1:11" ht="45.75" thickBot="1">
      <c r="B85" s="212" t="s">
        <v>969</v>
      </c>
      <c r="C85" s="109" t="s">
        <v>855</v>
      </c>
      <c r="D85" s="110">
        <v>1</v>
      </c>
      <c r="E85" s="111">
        <v>7.2</v>
      </c>
      <c r="F85" s="141" t="s">
        <v>757</v>
      </c>
    </row>
    <row r="86" spans="1:11" ht="90.75" thickBot="1">
      <c r="B86" s="108"/>
      <c r="C86" s="109"/>
      <c r="D86" s="110" t="s">
        <v>968</v>
      </c>
      <c r="E86" s="111">
        <v>7.4</v>
      </c>
      <c r="F86" s="112" t="s">
        <v>971</v>
      </c>
    </row>
    <row r="87" spans="1:11" ht="15.75" thickBot="1">
      <c r="B87" s="108"/>
      <c r="C87" s="109"/>
      <c r="D87" s="110"/>
      <c r="E87" s="111"/>
      <c r="F87" s="141"/>
    </row>
    <row r="88" spans="1:11" ht="45.75" thickBot="1">
      <c r="B88" s="213" t="s">
        <v>970</v>
      </c>
      <c r="C88" s="128" t="s">
        <v>857</v>
      </c>
      <c r="D88" s="129">
        <v>1</v>
      </c>
      <c r="E88" s="130">
        <v>7.2</v>
      </c>
      <c r="F88" s="142" t="s">
        <v>757</v>
      </c>
    </row>
    <row r="89" spans="1:11" ht="60.75" thickBot="1">
      <c r="B89" s="127"/>
      <c r="C89" s="128"/>
      <c r="D89" s="129">
        <v>2.1</v>
      </c>
      <c r="E89" s="130">
        <v>7.4</v>
      </c>
      <c r="F89" s="142" t="s">
        <v>972</v>
      </c>
    </row>
    <row r="93" spans="1:11" ht="90">
      <c r="A93" t="s">
        <v>858</v>
      </c>
      <c r="B93" s="33" t="s">
        <v>859</v>
      </c>
    </row>
    <row r="94" spans="1:11" ht="45">
      <c r="A94" t="s">
        <v>860</v>
      </c>
      <c r="B94" s="33" t="s">
        <v>861</v>
      </c>
    </row>
  </sheetData>
  <mergeCells count="5">
    <mergeCell ref="K8:K9"/>
    <mergeCell ref="J8:J9"/>
    <mergeCell ref="I8:I9"/>
    <mergeCell ref="H8:H9"/>
    <mergeCell ref="G8:G9"/>
  </mergeCells>
  <hyperlinks>
    <hyperlink ref="B85" r:id="rId1" display="https://bitbucket.microchip.com/projects/QTML/repos/0x0037_qtm_avr_da_acquisition/browse" xr:uid="{A68AC43B-DD65-4870-B899-8E3AFB88102A}"/>
    <hyperlink ref="C85" r:id="rId2" display="https://bitbucket.microchip.com/projects/QTML/repos/0x0037_qtm_avr_da_acquisition/browse" xr:uid="{7FDF44D7-B9A8-47B0-8CDA-75A512C68B82}"/>
    <hyperlink ref="G45" r:id="rId3" display="https://bitbucket.microchip.com/projects/QTML/repos/0x003b_qtm_surface_cs_32x32/browse" xr:uid="{E66776F8-0EAD-4286-ACFE-12CA3A5AD0FB}"/>
    <hyperlink ref="G46" r:id="rId4" display="https://bitbucket.microchip.com/projects/QTML/repos/0x003c_qtm_surface_cs_2t_32x32/browse" xr:uid="{3D8838F9-A8DB-43A5-853C-6680C42571F1}"/>
    <hyperlink ref="B88" r:id="rId5" display="https://bitbucket.microchip.com/projects/QTML/repos/0x0038_qtm_avr_da_acq_4p/browse" xr:uid="{47508FFC-EDE5-4E29-A0F1-CFE2F56E9660}"/>
  </hyperlinks>
  <pageMargins left="0.7" right="0.7" top="0.75" bottom="0.75" header="0.3" footer="0.3"/>
  <pageSetup orientation="portrait" r:id="rId6"/>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B05F7A-DFBA-4A37-BF7E-0DD100D416EC}">
  <dimension ref="B1:G56"/>
  <sheetViews>
    <sheetView workbookViewId="0">
      <selection activeCell="D20" sqref="D20"/>
    </sheetView>
  </sheetViews>
  <sheetFormatPr defaultRowHeight="15"/>
  <cols>
    <col min="2" max="2" width="43" bestFit="1" customWidth="1"/>
    <col min="3" max="3" width="11.7109375" bestFit="1" customWidth="1"/>
    <col min="4" max="4" width="21.28515625" customWidth="1"/>
    <col min="5" max="5" width="37" bestFit="1"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5">
        <v>1.2</v>
      </c>
    </row>
    <row r="5" spans="2:7">
      <c r="B5" s="26" t="s">
        <v>771</v>
      </c>
      <c r="C5" s="15" t="s">
        <v>772</v>
      </c>
      <c r="D5" s="44">
        <v>1.4</v>
      </c>
      <c r="E5" s="15" t="s">
        <v>785</v>
      </c>
      <c r="F5" s="15" t="s">
        <v>786</v>
      </c>
      <c r="G5" s="45">
        <v>1.4</v>
      </c>
    </row>
    <row r="6" spans="2:7">
      <c r="B6" s="26" t="s">
        <v>778</v>
      </c>
      <c r="C6" s="15" t="s">
        <v>779</v>
      </c>
      <c r="D6" s="44">
        <v>1.4</v>
      </c>
      <c r="E6" s="15" t="s">
        <v>773</v>
      </c>
      <c r="F6" s="15" t="s">
        <v>774</v>
      </c>
      <c r="G6" s="45">
        <v>1.1000000000000001</v>
      </c>
    </row>
    <row r="7" spans="2:7">
      <c r="B7" s="26" t="s">
        <v>783</v>
      </c>
      <c r="C7" s="15" t="s">
        <v>784</v>
      </c>
      <c r="D7" s="44">
        <v>1.7</v>
      </c>
      <c r="E7" s="15" t="s">
        <v>780</v>
      </c>
      <c r="F7" s="15" t="s">
        <v>781</v>
      </c>
      <c r="G7" s="45">
        <v>1.2</v>
      </c>
    </row>
    <row r="8" spans="2:7">
      <c r="B8" s="26" t="s">
        <v>795</v>
      </c>
      <c r="C8" s="15" t="s">
        <v>796</v>
      </c>
      <c r="D8" s="44">
        <v>1.7</v>
      </c>
      <c r="E8" s="15" t="s">
        <v>797</v>
      </c>
      <c r="F8" s="15" t="s">
        <v>798</v>
      </c>
      <c r="G8" s="45">
        <v>1.4</v>
      </c>
    </row>
    <row r="9" spans="2:7">
      <c r="B9" s="26" t="s">
        <v>805</v>
      </c>
      <c r="C9" s="15" t="s">
        <v>806</v>
      </c>
      <c r="D9" s="44">
        <v>1.5</v>
      </c>
      <c r="E9" s="15" t="s">
        <v>807</v>
      </c>
      <c r="F9" s="15" t="s">
        <v>808</v>
      </c>
      <c r="G9" s="45">
        <v>1</v>
      </c>
    </row>
    <row r="10" spans="2:7">
      <c r="B10" s="26" t="s">
        <v>811</v>
      </c>
      <c r="C10" s="15" t="s">
        <v>812</v>
      </c>
      <c r="D10" s="44">
        <v>1.5</v>
      </c>
      <c r="E10" s="15" t="s">
        <v>813</v>
      </c>
      <c r="F10" s="15" t="s">
        <v>814</v>
      </c>
      <c r="G10" s="45">
        <v>1.1000000000000001</v>
      </c>
    </row>
    <row r="11" spans="2:7">
      <c r="B11" s="26" t="s">
        <v>874</v>
      </c>
      <c r="C11" s="15" t="s">
        <v>819</v>
      </c>
      <c r="D11" s="44">
        <v>1.3</v>
      </c>
      <c r="E11" s="180" t="s">
        <v>863</v>
      </c>
      <c r="F11" s="15" t="s">
        <v>864</v>
      </c>
      <c r="G11" s="45">
        <v>1</v>
      </c>
    </row>
    <row r="12" spans="2:7">
      <c r="B12" s="26" t="s">
        <v>873</v>
      </c>
      <c r="C12" s="15" t="s">
        <v>824</v>
      </c>
      <c r="D12" s="44">
        <v>1.3</v>
      </c>
      <c r="E12" s="15" t="s">
        <v>865</v>
      </c>
      <c r="F12" s="15" t="s">
        <v>866</v>
      </c>
      <c r="G12" s="45">
        <v>1</v>
      </c>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2</v>
      </c>
      <c r="E15" s="15"/>
      <c r="F15" s="15"/>
      <c r="G15" s="48"/>
    </row>
    <row r="16" spans="2:7">
      <c r="B16" s="26" t="s">
        <v>832</v>
      </c>
      <c r="C16" s="15" t="s">
        <v>833</v>
      </c>
      <c r="D16" s="44">
        <v>1.3</v>
      </c>
      <c r="E16" s="15"/>
      <c r="F16" s="15"/>
      <c r="G16" s="48"/>
    </row>
    <row r="17" spans="2:7">
      <c r="B17" s="26" t="s">
        <v>838</v>
      </c>
      <c r="C17" s="15" t="s">
        <v>839</v>
      </c>
      <c r="D17" s="44">
        <v>1.4</v>
      </c>
      <c r="E17" s="15"/>
      <c r="F17" s="15"/>
      <c r="G17" s="48"/>
    </row>
    <row r="18" spans="2:7">
      <c r="B18" s="26" t="s">
        <v>841</v>
      </c>
      <c r="C18" s="15" t="s">
        <v>842</v>
      </c>
      <c r="D18" s="44">
        <v>1.1000000000000001</v>
      </c>
      <c r="E18" s="15"/>
      <c r="F18" s="15"/>
      <c r="G18" s="48"/>
    </row>
    <row r="19" spans="2:7">
      <c r="B19" s="26" t="s">
        <v>843</v>
      </c>
      <c r="C19" s="15" t="s">
        <v>844</v>
      </c>
      <c r="D19" s="44">
        <v>1.1000000000000001</v>
      </c>
      <c r="E19" s="15"/>
      <c r="F19" s="15"/>
      <c r="G19" s="48"/>
    </row>
    <row r="20" spans="2:7">
      <c r="B20" s="26" t="s">
        <v>845</v>
      </c>
      <c r="C20" s="15" t="s">
        <v>846</v>
      </c>
      <c r="D20" s="44">
        <v>1.4</v>
      </c>
      <c r="E20" s="15"/>
      <c r="F20" s="15"/>
      <c r="G20" s="48"/>
    </row>
    <row r="21" spans="2:7">
      <c r="B21" s="26" t="s">
        <v>867</v>
      </c>
      <c r="C21" s="15" t="s">
        <v>849</v>
      </c>
      <c r="D21" s="44">
        <v>2</v>
      </c>
      <c r="E21" s="15"/>
      <c r="F21" s="15"/>
      <c r="G21" s="48"/>
    </row>
    <row r="22" spans="2:7">
      <c r="B22" s="26" t="s">
        <v>868</v>
      </c>
      <c r="C22" s="15" t="s">
        <v>851</v>
      </c>
      <c r="D22" s="44">
        <v>2</v>
      </c>
      <c r="E22" s="15"/>
      <c r="F22" s="15"/>
      <c r="G22" s="15"/>
    </row>
    <row r="23" spans="2:7">
      <c r="B23" s="26" t="s">
        <v>869</v>
      </c>
      <c r="C23" s="15" t="s">
        <v>853</v>
      </c>
      <c r="D23" s="44">
        <v>2</v>
      </c>
      <c r="E23" s="15"/>
      <c r="F23" s="15"/>
      <c r="G23" s="15"/>
    </row>
    <row r="24" spans="2:7">
      <c r="B24" s="26" t="s">
        <v>856</v>
      </c>
      <c r="C24" s="15" t="s">
        <v>857</v>
      </c>
      <c r="D24" s="44">
        <v>2.1</v>
      </c>
      <c r="E24" s="36"/>
      <c r="F24" s="36"/>
      <c r="G24" s="36"/>
    </row>
    <row r="25" spans="2:7">
      <c r="B25" s="26" t="s">
        <v>854</v>
      </c>
      <c r="C25" s="15" t="s">
        <v>855</v>
      </c>
      <c r="D25" s="44">
        <v>1.2</v>
      </c>
      <c r="E25" s="36"/>
      <c r="F25" s="36"/>
      <c r="G25" s="36"/>
    </row>
    <row r="26" spans="2:7" ht="60">
      <c r="B26" s="50" t="s">
        <v>870</v>
      </c>
      <c r="C26" s="50"/>
      <c r="D26" s="36"/>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row r="56" spans="4:7">
      <c r="D56" s="37"/>
      <c r="G56" s="38"/>
    </row>
  </sheetData>
  <hyperlinks>
    <hyperlink ref="B24" r:id="rId1" display="https://bitbucket.microchip.com/projects/QTML/repos/0x0038_qtm_avr_da_acq_4p/browse" xr:uid="{6EBCF9ED-B2EE-4BA5-87F6-29CA37D2BECC}"/>
    <hyperlink ref="B25" r:id="rId2" display="https://bitbucket.microchip.com/projects/QTML/repos/0x0037_qtm_avr_da_acquisition/browse" xr:uid="{93B49A07-F978-4AE4-9FE2-A5EF3B7258A6}"/>
    <hyperlink ref="C25" r:id="rId3" display="https://bitbucket.microchip.com/projects/QTML/repos/0x0037_qtm_avr_da_acquisition/browse" xr:uid="{37A22033-E2E1-467A-9A0F-9231FB1BEE98}"/>
  </hyperlink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282C9F-85DE-4E8B-B419-B3193F7C9D6B}">
  <dimension ref="B1:G56"/>
  <sheetViews>
    <sheetView workbookViewId="0">
      <selection activeCell="G7" sqref="G7"/>
    </sheetView>
  </sheetViews>
  <sheetFormatPr defaultRowHeight="15"/>
  <cols>
    <col min="2" max="2" width="43" bestFit="1" customWidth="1"/>
    <col min="3" max="3" width="11.7109375" bestFit="1" customWidth="1"/>
    <col min="4" max="4" width="21.28515625" customWidth="1"/>
    <col min="5" max="5" width="37" bestFit="1"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5">
        <v>1.2</v>
      </c>
    </row>
    <row r="5" spans="2:7">
      <c r="B5" s="26" t="s">
        <v>771</v>
      </c>
      <c r="C5" s="15" t="s">
        <v>772</v>
      </c>
      <c r="D5" s="44">
        <v>1.4</v>
      </c>
      <c r="E5" s="15" t="s">
        <v>785</v>
      </c>
      <c r="F5" s="15" t="s">
        <v>786</v>
      </c>
      <c r="G5" s="45">
        <v>1.4</v>
      </c>
    </row>
    <row r="6" spans="2:7">
      <c r="B6" s="26" t="s">
        <v>778</v>
      </c>
      <c r="C6" s="15" t="s">
        <v>779</v>
      </c>
      <c r="D6" s="44">
        <v>1.4</v>
      </c>
      <c r="E6" s="15" t="s">
        <v>773</v>
      </c>
      <c r="F6" s="15" t="s">
        <v>774</v>
      </c>
      <c r="G6" s="45">
        <v>1.1000000000000001</v>
      </c>
    </row>
    <row r="7" spans="2:7">
      <c r="B7" s="26" t="s">
        <v>783</v>
      </c>
      <c r="C7" s="15" t="s">
        <v>784</v>
      </c>
      <c r="D7" s="44">
        <v>1.7</v>
      </c>
      <c r="E7" s="15" t="s">
        <v>780</v>
      </c>
      <c r="F7" s="15" t="s">
        <v>781</v>
      </c>
      <c r="G7" s="45">
        <v>1.2</v>
      </c>
    </row>
    <row r="8" spans="2:7">
      <c r="B8" s="26" t="s">
        <v>795</v>
      </c>
      <c r="C8" s="15" t="s">
        <v>796</v>
      </c>
      <c r="D8" s="44">
        <v>1.7</v>
      </c>
      <c r="E8" s="15" t="s">
        <v>797</v>
      </c>
      <c r="F8" s="15" t="s">
        <v>798</v>
      </c>
      <c r="G8" s="45">
        <v>1.4</v>
      </c>
    </row>
    <row r="9" spans="2:7">
      <c r="B9" s="26" t="s">
        <v>805</v>
      </c>
      <c r="C9" s="15" t="s">
        <v>806</v>
      </c>
      <c r="D9" s="44">
        <v>1.5</v>
      </c>
      <c r="E9" s="15" t="s">
        <v>807</v>
      </c>
      <c r="F9" s="15" t="s">
        <v>808</v>
      </c>
      <c r="G9" s="45">
        <v>1</v>
      </c>
    </row>
    <row r="10" spans="2:7">
      <c r="B10" s="26" t="s">
        <v>811</v>
      </c>
      <c r="C10" s="15" t="s">
        <v>812</v>
      </c>
      <c r="D10" s="44">
        <v>1.5</v>
      </c>
      <c r="E10" s="15" t="s">
        <v>813</v>
      </c>
      <c r="F10" s="15" t="s">
        <v>814</v>
      </c>
      <c r="G10" s="45">
        <v>1.1000000000000001</v>
      </c>
    </row>
    <row r="11" spans="2:7">
      <c r="B11" s="26" t="s">
        <v>874</v>
      </c>
      <c r="C11" s="15" t="s">
        <v>819</v>
      </c>
      <c r="D11" s="44">
        <v>1.3</v>
      </c>
      <c r="E11" s="180" t="s">
        <v>863</v>
      </c>
      <c r="F11" s="15" t="s">
        <v>864</v>
      </c>
      <c r="G11" s="45">
        <v>1</v>
      </c>
    </row>
    <row r="12" spans="2:7">
      <c r="B12" s="26" t="s">
        <v>873</v>
      </c>
      <c r="C12" s="15" t="s">
        <v>824</v>
      </c>
      <c r="D12" s="44">
        <v>1.3</v>
      </c>
      <c r="E12" s="15" t="s">
        <v>865</v>
      </c>
      <c r="F12" s="15" t="s">
        <v>866</v>
      </c>
      <c r="G12" s="45">
        <v>1</v>
      </c>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2</v>
      </c>
      <c r="E15" s="15"/>
      <c r="F15" s="15"/>
      <c r="G15" s="48"/>
    </row>
    <row r="16" spans="2:7">
      <c r="B16" s="26" t="s">
        <v>832</v>
      </c>
      <c r="C16" s="15" t="s">
        <v>833</v>
      </c>
      <c r="D16" s="44">
        <v>1.3</v>
      </c>
      <c r="E16" s="15"/>
      <c r="F16" s="15"/>
      <c r="G16" s="48"/>
    </row>
    <row r="17" spans="2:7">
      <c r="B17" s="26" t="s">
        <v>838</v>
      </c>
      <c r="C17" s="15" t="s">
        <v>839</v>
      </c>
      <c r="D17" s="44">
        <v>1.4</v>
      </c>
      <c r="E17" s="15"/>
      <c r="F17" s="15"/>
      <c r="G17" s="48"/>
    </row>
    <row r="18" spans="2:7">
      <c r="B18" s="26" t="s">
        <v>841</v>
      </c>
      <c r="C18" s="15" t="s">
        <v>842</v>
      </c>
      <c r="D18" s="44">
        <v>1.1000000000000001</v>
      </c>
      <c r="E18" s="15"/>
      <c r="F18" s="15"/>
      <c r="G18" s="48"/>
    </row>
    <row r="19" spans="2:7">
      <c r="B19" s="26" t="s">
        <v>843</v>
      </c>
      <c r="C19" s="15" t="s">
        <v>844</v>
      </c>
      <c r="D19" s="44">
        <v>1.100000000000000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26" t="s">
        <v>856</v>
      </c>
      <c r="C24" s="15" t="s">
        <v>857</v>
      </c>
      <c r="D24" s="44">
        <v>1</v>
      </c>
      <c r="E24" s="36"/>
      <c r="F24" s="36"/>
      <c r="G24" s="36"/>
    </row>
    <row r="25" spans="2:7">
      <c r="B25" s="26" t="s">
        <v>854</v>
      </c>
      <c r="C25" s="15" t="s">
        <v>855</v>
      </c>
      <c r="D25" s="44">
        <v>1</v>
      </c>
      <c r="E25" s="36"/>
      <c r="F25" s="36"/>
      <c r="G25" s="36"/>
    </row>
    <row r="26" spans="2:7" ht="60">
      <c r="B26" s="50" t="s">
        <v>870</v>
      </c>
      <c r="C26" s="50"/>
      <c r="D26" s="36"/>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row r="56" spans="4:7">
      <c r="D56" s="37"/>
      <c r="G56" s="38"/>
    </row>
  </sheetData>
  <hyperlinks>
    <hyperlink ref="B24" r:id="rId1" display="https://bitbucket.microchip.com/projects/QTML/repos/0x0038_qtm_avr_da_acq_4p/browse" xr:uid="{989248C4-E889-460D-ACA0-503FD08225C8}"/>
    <hyperlink ref="B25" r:id="rId2" display="https://bitbucket.microchip.com/projects/QTML/repos/0x0037_qtm_avr_da_acquisition/browse" xr:uid="{C3DC5E03-775F-4AE7-853F-0EFE96BCA340}"/>
    <hyperlink ref="C25" r:id="rId3" display="https://bitbucket.microchip.com/projects/QTML/repos/0x0037_qtm_avr_da_acquisition/browse" xr:uid="{452F5E39-CB41-4880-ABB1-D2058F593FC5}"/>
  </hyperlinks>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734E82-8E85-4C71-A3B7-2A15D009AEA3}">
  <dimension ref="B1:G56"/>
  <sheetViews>
    <sheetView workbookViewId="0">
      <selection activeCell="G24" sqref="G24"/>
    </sheetView>
  </sheetViews>
  <sheetFormatPr defaultRowHeight="15"/>
  <cols>
    <col min="2" max="2" width="43" bestFit="1" customWidth="1"/>
    <col min="3" max="3" width="11.7109375" bestFit="1" customWidth="1"/>
    <col min="4" max="4" width="21.28515625" customWidth="1"/>
    <col min="5" max="5" width="37" bestFit="1"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5">
        <v>1.2</v>
      </c>
    </row>
    <row r="5" spans="2:7">
      <c r="B5" s="26" t="s">
        <v>771</v>
      </c>
      <c r="C5" s="15" t="s">
        <v>772</v>
      </c>
      <c r="D5" s="44">
        <v>1.4</v>
      </c>
      <c r="E5" s="15" t="s">
        <v>785</v>
      </c>
      <c r="F5" s="15" t="s">
        <v>786</v>
      </c>
      <c r="G5" s="45">
        <v>1.4</v>
      </c>
    </row>
    <row r="6" spans="2:7">
      <c r="B6" s="26" t="s">
        <v>778</v>
      </c>
      <c r="C6" s="15" t="s">
        <v>779</v>
      </c>
      <c r="D6" s="44">
        <v>1.4</v>
      </c>
      <c r="E6" s="15" t="s">
        <v>773</v>
      </c>
      <c r="F6" s="15" t="s">
        <v>774</v>
      </c>
      <c r="G6" s="45">
        <v>1.1000000000000001</v>
      </c>
    </row>
    <row r="7" spans="2:7">
      <c r="B7" s="26" t="s">
        <v>783</v>
      </c>
      <c r="C7" s="15" t="s">
        <v>784</v>
      </c>
      <c r="D7" s="44">
        <v>1.7</v>
      </c>
      <c r="E7" s="15" t="s">
        <v>780</v>
      </c>
      <c r="F7" s="15" t="s">
        <v>781</v>
      </c>
      <c r="G7" s="45">
        <v>1</v>
      </c>
    </row>
    <row r="8" spans="2:7">
      <c r="B8" s="26" t="s">
        <v>795</v>
      </c>
      <c r="C8" s="15" t="s">
        <v>796</v>
      </c>
      <c r="D8" s="44">
        <v>1.7</v>
      </c>
      <c r="E8" s="15" t="s">
        <v>797</v>
      </c>
      <c r="F8" s="15" t="s">
        <v>798</v>
      </c>
      <c r="G8" s="45">
        <v>1.4</v>
      </c>
    </row>
    <row r="9" spans="2:7">
      <c r="B9" s="26" t="s">
        <v>805</v>
      </c>
      <c r="C9" s="15" t="s">
        <v>806</v>
      </c>
      <c r="D9" s="44">
        <v>1.5</v>
      </c>
      <c r="E9" s="15" t="s">
        <v>807</v>
      </c>
      <c r="F9" s="15" t="s">
        <v>808</v>
      </c>
      <c r="G9" s="45">
        <v>1</v>
      </c>
    </row>
    <row r="10" spans="2:7">
      <c r="B10" s="26" t="s">
        <v>811</v>
      </c>
      <c r="C10" s="15" t="s">
        <v>812</v>
      </c>
      <c r="D10" s="44">
        <v>1.5</v>
      </c>
      <c r="E10" s="15" t="s">
        <v>813</v>
      </c>
      <c r="F10" s="15" t="s">
        <v>814</v>
      </c>
      <c r="G10" s="45">
        <v>1.1000000000000001</v>
      </c>
    </row>
    <row r="11" spans="2:7">
      <c r="B11" s="26" t="s">
        <v>874</v>
      </c>
      <c r="C11" s="15" t="s">
        <v>819</v>
      </c>
      <c r="D11" s="44">
        <v>1.3</v>
      </c>
      <c r="E11" s="180" t="s">
        <v>863</v>
      </c>
      <c r="F11" s="15" t="s">
        <v>864</v>
      </c>
      <c r="G11" s="45">
        <v>1</v>
      </c>
    </row>
    <row r="12" spans="2:7">
      <c r="B12" s="26" t="s">
        <v>873</v>
      </c>
      <c r="C12" s="15" t="s">
        <v>824</v>
      </c>
      <c r="D12" s="44">
        <v>1.3</v>
      </c>
      <c r="E12" s="15" t="s">
        <v>865</v>
      </c>
      <c r="F12" s="15" t="s">
        <v>866</v>
      </c>
      <c r="G12" s="45">
        <v>1</v>
      </c>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2</v>
      </c>
      <c r="E15" s="15"/>
      <c r="F15" s="15"/>
      <c r="G15" s="48"/>
    </row>
    <row r="16" spans="2:7">
      <c r="B16" s="26" t="s">
        <v>832</v>
      </c>
      <c r="C16" s="15" t="s">
        <v>833</v>
      </c>
      <c r="D16" s="44">
        <v>1.3</v>
      </c>
      <c r="E16" s="15"/>
      <c r="F16" s="15"/>
      <c r="G16" s="48"/>
    </row>
    <row r="17" spans="2:7">
      <c r="B17" s="26" t="s">
        <v>838</v>
      </c>
      <c r="C17" s="15" t="s">
        <v>839</v>
      </c>
      <c r="D17" s="44">
        <v>1.4</v>
      </c>
      <c r="E17" s="15"/>
      <c r="F17" s="15"/>
      <c r="G17" s="48"/>
    </row>
    <row r="18" spans="2:7">
      <c r="B18" s="26" t="s">
        <v>841</v>
      </c>
      <c r="C18" s="15" t="s">
        <v>842</v>
      </c>
      <c r="D18" s="44">
        <v>1.1000000000000001</v>
      </c>
      <c r="E18" s="15"/>
      <c r="F18" s="15"/>
      <c r="G18" s="48"/>
    </row>
    <row r="19" spans="2:7">
      <c r="B19" s="26" t="s">
        <v>843</v>
      </c>
      <c r="C19" s="15" t="s">
        <v>844</v>
      </c>
      <c r="D19" s="44">
        <v>1.100000000000000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26" t="s">
        <v>856</v>
      </c>
      <c r="C24" s="15" t="s">
        <v>857</v>
      </c>
      <c r="D24" s="44">
        <v>1</v>
      </c>
      <c r="E24" s="36"/>
      <c r="F24" s="36"/>
      <c r="G24" s="36"/>
    </row>
    <row r="25" spans="2:7">
      <c r="B25" s="26" t="s">
        <v>854</v>
      </c>
      <c r="C25" s="15" t="s">
        <v>855</v>
      </c>
      <c r="D25" s="44">
        <v>1</v>
      </c>
      <c r="E25" s="36"/>
      <c r="F25" s="36"/>
      <c r="G25" s="36"/>
    </row>
    <row r="26" spans="2:7" ht="60">
      <c r="B26" s="50" t="s">
        <v>870</v>
      </c>
      <c r="C26" s="50"/>
      <c r="D26" s="36"/>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row r="56" spans="4:7">
      <c r="D56" s="37"/>
      <c r="G56" s="38"/>
    </row>
  </sheetData>
  <hyperlinks>
    <hyperlink ref="B24" r:id="rId1" display="https://bitbucket.microchip.com/projects/QTML/repos/0x0038_qtm_avr_da_acq_4p/browse" xr:uid="{B51034C3-0F57-4A83-B1F1-C56C2D6B8F0C}"/>
    <hyperlink ref="B25" r:id="rId2" display="https://bitbucket.microchip.com/projects/QTML/repos/0x0037_qtm_avr_da_acquisition/browse" xr:uid="{F9DA4533-422B-41D4-AFE6-B521211B23AE}"/>
    <hyperlink ref="C25" r:id="rId3" display="https://bitbucket.microchip.com/projects/QTML/repos/0x0037_qtm_avr_da_acquisition/browse" xr:uid="{1B047173-ACDE-440D-A78B-935AAA475792}"/>
  </hyperlinks>
  <pageMargins left="0.7" right="0.7" top="0.75" bottom="0.75" header="0.3" footer="0.3"/>
  <pageSetup orientation="portrait" r:id="rId4"/>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BB6DAE-DFC4-4547-8469-2F7E5B234D4E}">
  <dimension ref="B1:J55"/>
  <sheetViews>
    <sheetView workbookViewId="0">
      <selection activeCell="D24" sqref="D24"/>
    </sheetView>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 min="10" max="10" width="42.42578125" customWidth="1"/>
  </cols>
  <sheetData>
    <row r="1" spans="2:10" ht="15.75" thickBot="1">
      <c r="B1" s="36"/>
      <c r="C1" s="36"/>
      <c r="D1" s="37"/>
      <c r="E1" s="36"/>
      <c r="F1" s="36"/>
      <c r="G1" s="38"/>
    </row>
    <row r="2" spans="2:10" ht="38.25" thickBot="1">
      <c r="B2" s="39" t="s">
        <v>749</v>
      </c>
      <c r="C2" s="40" t="s">
        <v>750</v>
      </c>
      <c r="D2" s="41" t="s">
        <v>862</v>
      </c>
      <c r="E2" s="40" t="s">
        <v>754</v>
      </c>
      <c r="F2" s="40" t="s">
        <v>750</v>
      </c>
      <c r="G2" s="41" t="s">
        <v>862</v>
      </c>
      <c r="J2" s="176"/>
    </row>
    <row r="3" spans="2:10">
      <c r="B3" s="42" t="s">
        <v>755</v>
      </c>
      <c r="C3" s="43" t="s">
        <v>756</v>
      </c>
      <c r="D3" s="44">
        <v>1.3</v>
      </c>
      <c r="E3" s="43" t="s">
        <v>758</v>
      </c>
      <c r="F3" s="43" t="s">
        <v>759</v>
      </c>
      <c r="G3" s="45">
        <v>1.3</v>
      </c>
    </row>
    <row r="4" spans="2:10">
      <c r="B4" s="26" t="s">
        <v>766</v>
      </c>
      <c r="C4" s="15" t="s">
        <v>767</v>
      </c>
      <c r="D4" s="44">
        <v>1.3</v>
      </c>
      <c r="E4" s="15" t="s">
        <v>768</v>
      </c>
      <c r="F4" s="15" t="s">
        <v>769</v>
      </c>
      <c r="G4" s="45">
        <v>1.2</v>
      </c>
      <c r="J4" s="177" t="s">
        <v>871</v>
      </c>
    </row>
    <row r="5" spans="2:10" ht="60">
      <c r="B5" s="26" t="s">
        <v>771</v>
      </c>
      <c r="C5" s="15" t="s">
        <v>772</v>
      </c>
      <c r="D5" s="44">
        <v>1.4</v>
      </c>
      <c r="E5" s="15" t="s">
        <v>785</v>
      </c>
      <c r="F5" s="15" t="s">
        <v>786</v>
      </c>
      <c r="G5" s="45">
        <v>1.4</v>
      </c>
      <c r="J5" s="176" t="s">
        <v>872</v>
      </c>
    </row>
    <row r="6" spans="2:10">
      <c r="B6" s="26" t="s">
        <v>778</v>
      </c>
      <c r="C6" s="15" t="s">
        <v>779</v>
      </c>
      <c r="D6" s="44">
        <v>1.4</v>
      </c>
      <c r="E6" s="15" t="s">
        <v>773</v>
      </c>
      <c r="F6" s="15" t="s">
        <v>774</v>
      </c>
      <c r="G6" s="45">
        <v>1.1000000000000001</v>
      </c>
    </row>
    <row r="7" spans="2:10">
      <c r="B7" s="26" t="s">
        <v>783</v>
      </c>
      <c r="C7" s="15" t="s">
        <v>784</v>
      </c>
      <c r="D7" s="44">
        <v>1.7</v>
      </c>
      <c r="E7" s="15" t="s">
        <v>780</v>
      </c>
      <c r="F7" s="15" t="s">
        <v>781</v>
      </c>
      <c r="G7" s="45">
        <v>1</v>
      </c>
    </row>
    <row r="8" spans="2:10">
      <c r="B8" s="26" t="s">
        <v>795</v>
      </c>
      <c r="C8" s="15" t="s">
        <v>796</v>
      </c>
      <c r="D8" s="44">
        <v>1.7</v>
      </c>
      <c r="E8" s="15" t="s">
        <v>797</v>
      </c>
      <c r="F8" s="15" t="s">
        <v>798</v>
      </c>
      <c r="G8" s="45">
        <v>1.4</v>
      </c>
      <c r="J8" t="s">
        <v>755</v>
      </c>
    </row>
    <row r="9" spans="2:10">
      <c r="B9" s="26" t="s">
        <v>805</v>
      </c>
      <c r="C9" s="15" t="s">
        <v>806</v>
      </c>
      <c r="D9" s="44">
        <v>1.5</v>
      </c>
      <c r="E9" s="15" t="s">
        <v>807</v>
      </c>
      <c r="F9" s="15" t="s">
        <v>808</v>
      </c>
      <c r="G9" s="45">
        <v>1</v>
      </c>
      <c r="J9" t="s">
        <v>766</v>
      </c>
    </row>
    <row r="10" spans="2:10">
      <c r="B10" s="26" t="s">
        <v>811</v>
      </c>
      <c r="C10" s="15" t="s">
        <v>812</v>
      </c>
      <c r="D10" s="44">
        <v>1.5</v>
      </c>
      <c r="E10" s="15" t="s">
        <v>813</v>
      </c>
      <c r="F10" s="15" t="s">
        <v>814</v>
      </c>
      <c r="G10" s="45">
        <v>1.1000000000000001</v>
      </c>
      <c r="J10" t="s">
        <v>771</v>
      </c>
    </row>
    <row r="11" spans="2:10">
      <c r="B11" s="26" t="s">
        <v>818</v>
      </c>
      <c r="C11" s="15" t="s">
        <v>819</v>
      </c>
      <c r="D11" s="44">
        <v>1.3</v>
      </c>
      <c r="E11" s="15"/>
      <c r="F11" s="15"/>
      <c r="G11" s="48"/>
      <c r="J11" t="s">
        <v>778</v>
      </c>
    </row>
    <row r="12" spans="2:10">
      <c r="B12" s="26" t="s">
        <v>823</v>
      </c>
      <c r="C12" s="15" t="s">
        <v>824</v>
      </c>
      <c r="D12" s="44">
        <v>1.3</v>
      </c>
      <c r="E12" s="15"/>
      <c r="F12" s="15"/>
      <c r="G12" s="48"/>
      <c r="J12" t="s">
        <v>783</v>
      </c>
    </row>
    <row r="13" spans="2:10">
      <c r="B13" s="26" t="s">
        <v>825</v>
      </c>
      <c r="C13" s="15" t="s">
        <v>826</v>
      </c>
      <c r="D13" s="44">
        <v>1.1000000000000001</v>
      </c>
      <c r="E13" s="15"/>
      <c r="F13" s="15"/>
      <c r="G13" s="48"/>
      <c r="J13" t="s">
        <v>795</v>
      </c>
    </row>
    <row r="14" spans="2:10">
      <c r="B14" s="26" t="s">
        <v>827</v>
      </c>
      <c r="C14" s="15" t="s">
        <v>828</v>
      </c>
      <c r="D14" s="44">
        <v>1.1000000000000001</v>
      </c>
      <c r="E14" s="15"/>
      <c r="F14" s="15"/>
      <c r="G14" s="48"/>
      <c r="J14" t="s">
        <v>805</v>
      </c>
    </row>
    <row r="15" spans="2:10">
      <c r="B15" s="26" t="s">
        <v>829</v>
      </c>
      <c r="C15" s="15" t="s">
        <v>830</v>
      </c>
      <c r="D15" s="44">
        <v>1.2</v>
      </c>
      <c r="E15" s="15"/>
      <c r="F15" s="15"/>
      <c r="G15" s="48"/>
      <c r="J15" t="s">
        <v>811</v>
      </c>
    </row>
    <row r="16" spans="2:10">
      <c r="B16" s="26" t="s">
        <v>832</v>
      </c>
      <c r="C16" s="15" t="s">
        <v>833</v>
      </c>
      <c r="D16" s="44">
        <v>1.3</v>
      </c>
      <c r="E16" s="15"/>
      <c r="F16" s="15"/>
      <c r="G16" s="48"/>
      <c r="J16" t="s">
        <v>825</v>
      </c>
    </row>
    <row r="17" spans="2:10">
      <c r="B17" s="26" t="s">
        <v>838</v>
      </c>
      <c r="C17" s="15" t="s">
        <v>839</v>
      </c>
      <c r="D17" s="44">
        <v>1.4</v>
      </c>
      <c r="E17" s="15"/>
      <c r="F17" s="15"/>
      <c r="G17" s="48"/>
      <c r="J17" t="s">
        <v>827</v>
      </c>
    </row>
    <row r="18" spans="2:10">
      <c r="B18" s="26" t="s">
        <v>841</v>
      </c>
      <c r="C18" s="15" t="s">
        <v>842</v>
      </c>
      <c r="D18" s="44">
        <v>1.1000000000000001</v>
      </c>
      <c r="E18" s="15"/>
      <c r="F18" s="15"/>
      <c r="G18" s="48"/>
      <c r="J18" t="s">
        <v>829</v>
      </c>
    </row>
    <row r="19" spans="2:10">
      <c r="B19" s="26" t="s">
        <v>843</v>
      </c>
      <c r="C19" s="15" t="s">
        <v>844</v>
      </c>
      <c r="D19" s="44">
        <v>1.1000000000000001</v>
      </c>
      <c r="E19" s="15"/>
      <c r="F19" s="15"/>
      <c r="G19" s="48"/>
      <c r="J19" t="s">
        <v>832</v>
      </c>
    </row>
    <row r="20" spans="2:10">
      <c r="B20" s="26" t="s">
        <v>845</v>
      </c>
      <c r="C20" s="15" t="s">
        <v>846</v>
      </c>
      <c r="D20" s="44">
        <v>1.2</v>
      </c>
      <c r="E20" s="15"/>
      <c r="F20" s="15"/>
      <c r="G20" s="48"/>
      <c r="J20" t="s">
        <v>838</v>
      </c>
    </row>
    <row r="21" spans="2:10">
      <c r="B21" s="26" t="s">
        <v>867</v>
      </c>
      <c r="C21" s="15" t="s">
        <v>849</v>
      </c>
      <c r="D21" s="44">
        <v>1</v>
      </c>
      <c r="E21" s="15"/>
      <c r="F21" s="15"/>
      <c r="G21" s="48"/>
      <c r="J21" t="s">
        <v>841</v>
      </c>
    </row>
    <row r="22" spans="2:10">
      <c r="B22" s="26" t="s">
        <v>868</v>
      </c>
      <c r="C22" s="15" t="s">
        <v>851</v>
      </c>
      <c r="D22" s="44">
        <v>1</v>
      </c>
      <c r="E22" s="15"/>
      <c r="F22" s="15"/>
      <c r="G22" s="15"/>
      <c r="J22" t="s">
        <v>843</v>
      </c>
    </row>
    <row r="23" spans="2:10">
      <c r="B23" s="26" t="s">
        <v>869</v>
      </c>
      <c r="C23" s="15" t="s">
        <v>853</v>
      </c>
      <c r="D23" s="44">
        <v>1</v>
      </c>
      <c r="E23" s="15"/>
      <c r="F23" s="15"/>
      <c r="G23" s="15"/>
      <c r="J23" t="s">
        <v>845</v>
      </c>
    </row>
    <row r="24" spans="2:10">
      <c r="B24" s="65"/>
      <c r="C24" s="36"/>
      <c r="D24" s="1"/>
      <c r="E24" s="36"/>
      <c r="F24" s="36"/>
      <c r="G24" s="36"/>
      <c r="J24" t="s">
        <v>867</v>
      </c>
    </row>
    <row r="25" spans="2:10" ht="75">
      <c r="B25" s="50" t="s">
        <v>870</v>
      </c>
      <c r="C25" s="50"/>
      <c r="D25" s="1"/>
      <c r="G25" s="38"/>
      <c r="J25" t="s">
        <v>868</v>
      </c>
    </row>
    <row r="26" spans="2:10">
      <c r="D26" s="37"/>
      <c r="G26" s="38"/>
      <c r="J26" t="s">
        <v>869</v>
      </c>
    </row>
    <row r="27" spans="2:10">
      <c r="D27" s="37"/>
      <c r="G27" s="38"/>
      <c r="J27" t="s">
        <v>758</v>
      </c>
    </row>
    <row r="28" spans="2:10">
      <c r="D28" s="37"/>
      <c r="G28" s="38"/>
      <c r="J28" t="s">
        <v>768</v>
      </c>
    </row>
    <row r="29" spans="2:10">
      <c r="D29" s="37"/>
      <c r="G29" s="38"/>
      <c r="J29" t="s">
        <v>785</v>
      </c>
    </row>
    <row r="30" spans="2:10">
      <c r="D30" s="37"/>
      <c r="G30" s="38"/>
      <c r="J30" t="s">
        <v>780</v>
      </c>
    </row>
    <row r="31" spans="2:10">
      <c r="D31" s="37"/>
      <c r="G31" s="38"/>
      <c r="J31" t="s">
        <v>797</v>
      </c>
    </row>
    <row r="32" spans="2:10">
      <c r="D32" s="37"/>
      <c r="G32" s="38"/>
      <c r="J32" t="s">
        <v>807</v>
      </c>
    </row>
    <row r="33" spans="4:10">
      <c r="D33" s="37"/>
      <c r="G33" s="38"/>
      <c r="J33" t="s">
        <v>813</v>
      </c>
    </row>
    <row r="34" spans="4:10">
      <c r="D34" s="37"/>
      <c r="G34" s="38"/>
    </row>
    <row r="35" spans="4:10">
      <c r="D35" s="37"/>
      <c r="G35" s="38"/>
    </row>
    <row r="36" spans="4:10">
      <c r="D36" s="37"/>
      <c r="G36" s="38"/>
    </row>
    <row r="37" spans="4:10">
      <c r="D37" s="37"/>
      <c r="G37" s="38"/>
    </row>
    <row r="38" spans="4:10">
      <c r="D38" s="37"/>
      <c r="G38" s="38"/>
    </row>
    <row r="39" spans="4:10">
      <c r="D39" s="37"/>
      <c r="G39" s="38"/>
    </row>
    <row r="40" spans="4:10">
      <c r="D40" s="37"/>
      <c r="G40" s="38"/>
    </row>
    <row r="41" spans="4:10">
      <c r="D41" s="37"/>
      <c r="G41" s="38"/>
    </row>
    <row r="42" spans="4:10">
      <c r="D42" s="37"/>
      <c r="G42" s="38"/>
    </row>
    <row r="43" spans="4:10">
      <c r="D43" s="37"/>
      <c r="G43" s="38"/>
    </row>
    <row r="44" spans="4:10">
      <c r="D44" s="37"/>
      <c r="G44" s="38"/>
    </row>
    <row r="45" spans="4:10">
      <c r="D45" s="37"/>
      <c r="G45" s="38"/>
    </row>
    <row r="46" spans="4:10">
      <c r="D46" s="37"/>
      <c r="G46" s="38"/>
    </row>
    <row r="47" spans="4:10">
      <c r="D47" s="37"/>
      <c r="G47" s="38"/>
    </row>
    <row r="48" spans="4:10">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pageSetup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8A6548-89B0-4EA2-B7D3-467863301177}">
  <dimension ref="B1:J55"/>
  <sheetViews>
    <sheetView workbookViewId="0"/>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 min="10" max="10" width="42.42578125" customWidth="1"/>
  </cols>
  <sheetData>
    <row r="1" spans="2:10" ht="15.75" thickBot="1">
      <c r="B1" s="36"/>
      <c r="C1" s="36"/>
      <c r="D1" s="37"/>
      <c r="E1" s="36"/>
      <c r="F1" s="36"/>
      <c r="G1" s="38"/>
    </row>
    <row r="2" spans="2:10" ht="38.25" thickBot="1">
      <c r="B2" s="39" t="s">
        <v>749</v>
      </c>
      <c r="C2" s="40" t="s">
        <v>750</v>
      </c>
      <c r="D2" s="41" t="s">
        <v>862</v>
      </c>
      <c r="E2" s="40" t="s">
        <v>754</v>
      </c>
      <c r="F2" s="40" t="s">
        <v>750</v>
      </c>
      <c r="G2" s="41" t="s">
        <v>862</v>
      </c>
      <c r="J2" s="176"/>
    </row>
    <row r="3" spans="2:10">
      <c r="B3" s="42" t="s">
        <v>755</v>
      </c>
      <c r="C3" s="43" t="s">
        <v>756</v>
      </c>
      <c r="D3" s="44">
        <v>1.3</v>
      </c>
      <c r="E3" s="43" t="s">
        <v>758</v>
      </c>
      <c r="F3" s="43" t="s">
        <v>759</v>
      </c>
      <c r="G3" s="45">
        <v>1.3</v>
      </c>
    </row>
    <row r="4" spans="2:10">
      <c r="B4" s="26" t="s">
        <v>766</v>
      </c>
      <c r="C4" s="15" t="s">
        <v>767</v>
      </c>
      <c r="D4" s="44">
        <v>1.3</v>
      </c>
      <c r="E4" s="15" t="s">
        <v>768</v>
      </c>
      <c r="F4" s="15" t="s">
        <v>769</v>
      </c>
      <c r="G4" s="46">
        <v>1.2</v>
      </c>
      <c r="J4" s="177" t="s">
        <v>871</v>
      </c>
    </row>
    <row r="5" spans="2:10" ht="60">
      <c r="B5" s="26" t="s">
        <v>771</v>
      </c>
      <c r="C5" s="15" t="s">
        <v>772</v>
      </c>
      <c r="D5" s="44">
        <v>1.4</v>
      </c>
      <c r="E5" s="15" t="s">
        <v>785</v>
      </c>
      <c r="F5" s="15" t="s">
        <v>786</v>
      </c>
      <c r="G5" s="46">
        <v>1.4</v>
      </c>
      <c r="J5" s="176" t="s">
        <v>872</v>
      </c>
    </row>
    <row r="6" spans="2:10">
      <c r="B6" s="26" t="s">
        <v>778</v>
      </c>
      <c r="C6" s="15" t="s">
        <v>779</v>
      </c>
      <c r="D6" s="44">
        <v>1.4</v>
      </c>
      <c r="E6" s="15" t="s">
        <v>773</v>
      </c>
      <c r="F6" s="15" t="s">
        <v>774</v>
      </c>
      <c r="G6" s="46">
        <v>1</v>
      </c>
    </row>
    <row r="7" spans="2:10">
      <c r="B7" s="26" t="s">
        <v>783</v>
      </c>
      <c r="C7" s="15" t="s">
        <v>784</v>
      </c>
      <c r="D7" s="44">
        <v>1.7</v>
      </c>
      <c r="E7" s="15" t="s">
        <v>780</v>
      </c>
      <c r="F7" s="15" t="s">
        <v>781</v>
      </c>
      <c r="G7" s="46">
        <v>1</v>
      </c>
    </row>
    <row r="8" spans="2:10">
      <c r="B8" s="26" t="s">
        <v>795</v>
      </c>
      <c r="C8" s="15" t="s">
        <v>796</v>
      </c>
      <c r="D8" s="44">
        <v>1.7</v>
      </c>
      <c r="E8" s="15" t="s">
        <v>797</v>
      </c>
      <c r="F8" s="15" t="s">
        <v>798</v>
      </c>
      <c r="G8" s="47">
        <v>1.4</v>
      </c>
      <c r="J8" t="s">
        <v>755</v>
      </c>
    </row>
    <row r="9" spans="2:10">
      <c r="B9" s="26" t="s">
        <v>805</v>
      </c>
      <c r="C9" s="15" t="s">
        <v>806</v>
      </c>
      <c r="D9" s="44">
        <v>1.5</v>
      </c>
      <c r="E9" s="15" t="s">
        <v>807</v>
      </c>
      <c r="F9" s="15" t="s">
        <v>808</v>
      </c>
      <c r="G9" s="47">
        <v>1</v>
      </c>
      <c r="J9" t="s">
        <v>766</v>
      </c>
    </row>
    <row r="10" spans="2:10">
      <c r="B10" s="26" t="s">
        <v>811</v>
      </c>
      <c r="C10" s="15" t="s">
        <v>812</v>
      </c>
      <c r="D10" s="44">
        <v>1.5</v>
      </c>
      <c r="E10" s="15" t="s">
        <v>813</v>
      </c>
      <c r="F10" s="15" t="s">
        <v>814</v>
      </c>
      <c r="G10" s="47">
        <v>1.1000000000000001</v>
      </c>
      <c r="J10" t="s">
        <v>771</v>
      </c>
    </row>
    <row r="11" spans="2:10">
      <c r="B11" s="26" t="s">
        <v>818</v>
      </c>
      <c r="C11" s="15" t="s">
        <v>819</v>
      </c>
      <c r="D11" s="44">
        <v>1.3</v>
      </c>
      <c r="E11" s="15"/>
      <c r="F11" s="15"/>
      <c r="G11" s="48"/>
      <c r="J11" t="s">
        <v>778</v>
      </c>
    </row>
    <row r="12" spans="2:10">
      <c r="B12" s="26" t="s">
        <v>823</v>
      </c>
      <c r="C12" s="15" t="s">
        <v>824</v>
      </c>
      <c r="D12" s="44">
        <v>1.3</v>
      </c>
      <c r="E12" s="15"/>
      <c r="F12" s="15"/>
      <c r="G12" s="48"/>
      <c r="J12" t="s">
        <v>783</v>
      </c>
    </row>
    <row r="13" spans="2:10">
      <c r="B13" s="26" t="s">
        <v>825</v>
      </c>
      <c r="C13" s="15" t="s">
        <v>826</v>
      </c>
      <c r="D13" s="44">
        <v>1.1000000000000001</v>
      </c>
      <c r="E13" s="15"/>
      <c r="F13" s="15"/>
      <c r="G13" s="48"/>
      <c r="J13" t="s">
        <v>795</v>
      </c>
    </row>
    <row r="14" spans="2:10">
      <c r="B14" s="26" t="s">
        <v>827</v>
      </c>
      <c r="C14" s="15" t="s">
        <v>828</v>
      </c>
      <c r="D14" s="44">
        <v>1.1000000000000001</v>
      </c>
      <c r="E14" s="15"/>
      <c r="F14" s="15"/>
      <c r="G14" s="48"/>
      <c r="J14" t="s">
        <v>805</v>
      </c>
    </row>
    <row r="15" spans="2:10">
      <c r="B15" s="26" t="s">
        <v>829</v>
      </c>
      <c r="C15" s="15" t="s">
        <v>830</v>
      </c>
      <c r="D15" s="44">
        <v>1.2</v>
      </c>
      <c r="E15" s="15"/>
      <c r="F15" s="15"/>
      <c r="G15" s="48"/>
      <c r="J15" t="s">
        <v>811</v>
      </c>
    </row>
    <row r="16" spans="2:10">
      <c r="B16" s="26" t="s">
        <v>832</v>
      </c>
      <c r="C16" s="15" t="s">
        <v>833</v>
      </c>
      <c r="D16" s="44">
        <v>1.3</v>
      </c>
      <c r="E16" s="15"/>
      <c r="F16" s="15"/>
      <c r="G16" s="48"/>
      <c r="J16" t="s">
        <v>825</v>
      </c>
    </row>
    <row r="17" spans="2:10">
      <c r="B17" s="26" t="s">
        <v>838</v>
      </c>
      <c r="C17" s="15" t="s">
        <v>839</v>
      </c>
      <c r="D17" s="44">
        <v>1.4</v>
      </c>
      <c r="E17" s="15"/>
      <c r="F17" s="15"/>
      <c r="G17" s="48"/>
      <c r="J17" t="s">
        <v>827</v>
      </c>
    </row>
    <row r="18" spans="2:10">
      <c r="B18" s="26" t="s">
        <v>841</v>
      </c>
      <c r="C18" s="15" t="s">
        <v>842</v>
      </c>
      <c r="D18" s="44">
        <v>1.1000000000000001</v>
      </c>
      <c r="E18" s="15"/>
      <c r="F18" s="15"/>
      <c r="G18" s="48"/>
      <c r="J18" t="s">
        <v>829</v>
      </c>
    </row>
    <row r="19" spans="2:10">
      <c r="B19" s="26" t="s">
        <v>843</v>
      </c>
      <c r="C19" s="15" t="s">
        <v>844</v>
      </c>
      <c r="D19" s="44">
        <v>1.1000000000000001</v>
      </c>
      <c r="E19" s="15"/>
      <c r="F19" s="15"/>
      <c r="G19" s="48"/>
      <c r="J19" t="s">
        <v>832</v>
      </c>
    </row>
    <row r="20" spans="2:10">
      <c r="B20" s="26" t="s">
        <v>845</v>
      </c>
      <c r="C20" s="15" t="s">
        <v>846</v>
      </c>
      <c r="D20" s="44">
        <v>1.2</v>
      </c>
      <c r="E20" s="15"/>
      <c r="F20" s="15"/>
      <c r="G20" s="48"/>
      <c r="J20" t="s">
        <v>838</v>
      </c>
    </row>
    <row r="21" spans="2:10">
      <c r="B21" s="26" t="s">
        <v>867</v>
      </c>
      <c r="C21" s="15" t="s">
        <v>849</v>
      </c>
      <c r="D21" s="44">
        <v>1</v>
      </c>
      <c r="E21" s="15"/>
      <c r="F21" s="15"/>
      <c r="G21" s="48"/>
      <c r="J21" t="s">
        <v>841</v>
      </c>
    </row>
    <row r="22" spans="2:10">
      <c r="B22" s="26" t="s">
        <v>868</v>
      </c>
      <c r="C22" s="15" t="s">
        <v>851</v>
      </c>
      <c r="D22" s="44">
        <v>1</v>
      </c>
      <c r="E22" s="15"/>
      <c r="F22" s="15"/>
      <c r="G22" s="15"/>
      <c r="J22" t="s">
        <v>843</v>
      </c>
    </row>
    <row r="23" spans="2:10">
      <c r="B23" s="26" t="s">
        <v>869</v>
      </c>
      <c r="C23" s="15" t="s">
        <v>853</v>
      </c>
      <c r="D23" s="44">
        <v>1</v>
      </c>
      <c r="E23" s="15"/>
      <c r="F23" s="15"/>
      <c r="G23" s="15"/>
      <c r="J23" t="s">
        <v>845</v>
      </c>
    </row>
    <row r="24" spans="2:10">
      <c r="B24" s="75"/>
      <c r="C24" s="36"/>
      <c r="D24" s="1"/>
      <c r="E24" s="36"/>
      <c r="F24" s="36"/>
      <c r="G24" s="36"/>
      <c r="J24" t="s">
        <v>867</v>
      </c>
    </row>
    <row r="25" spans="2:10" ht="75">
      <c r="B25" s="50" t="s">
        <v>870</v>
      </c>
      <c r="C25" s="50"/>
      <c r="D25" s="1"/>
      <c r="G25" s="38"/>
      <c r="J25" t="s">
        <v>868</v>
      </c>
    </row>
    <row r="26" spans="2:10">
      <c r="D26" s="37"/>
      <c r="G26" s="38"/>
      <c r="J26" t="s">
        <v>869</v>
      </c>
    </row>
    <row r="27" spans="2:10">
      <c r="D27" s="37"/>
      <c r="G27" s="38"/>
      <c r="J27" t="s">
        <v>758</v>
      </c>
    </row>
    <row r="28" spans="2:10">
      <c r="D28" s="37"/>
      <c r="G28" s="38"/>
      <c r="J28" t="s">
        <v>768</v>
      </c>
    </row>
    <row r="29" spans="2:10">
      <c r="D29" s="37"/>
      <c r="G29" s="38"/>
      <c r="J29" t="s">
        <v>785</v>
      </c>
    </row>
    <row r="30" spans="2:10">
      <c r="D30" s="37"/>
      <c r="G30" s="38"/>
      <c r="J30" t="s">
        <v>780</v>
      </c>
    </row>
    <row r="31" spans="2:10">
      <c r="D31" s="37"/>
      <c r="G31" s="38"/>
      <c r="J31" t="s">
        <v>797</v>
      </c>
    </row>
    <row r="32" spans="2:10">
      <c r="D32" s="37"/>
      <c r="G32" s="38"/>
      <c r="J32" t="s">
        <v>807</v>
      </c>
    </row>
    <row r="33" spans="4:10">
      <c r="D33" s="37"/>
      <c r="G33" s="38"/>
      <c r="J33" t="s">
        <v>813</v>
      </c>
    </row>
    <row r="34" spans="4:10">
      <c r="D34" s="37"/>
      <c r="G34" s="38"/>
    </row>
    <row r="35" spans="4:10">
      <c r="D35" s="37"/>
      <c r="G35" s="38"/>
    </row>
    <row r="36" spans="4:10">
      <c r="D36" s="37"/>
      <c r="G36" s="38"/>
    </row>
    <row r="37" spans="4:10">
      <c r="D37" s="37"/>
      <c r="G37" s="38"/>
    </row>
    <row r="38" spans="4:10">
      <c r="D38" s="37"/>
      <c r="G38" s="38"/>
    </row>
    <row r="39" spans="4:10">
      <c r="D39" s="37"/>
      <c r="G39" s="38"/>
    </row>
    <row r="40" spans="4:10">
      <c r="D40" s="37"/>
      <c r="G40" s="38"/>
    </row>
    <row r="41" spans="4:10">
      <c r="D41" s="37"/>
      <c r="G41" s="38"/>
    </row>
    <row r="42" spans="4:10">
      <c r="D42" s="37"/>
      <c r="G42" s="38"/>
    </row>
    <row r="43" spans="4:10">
      <c r="D43" s="37"/>
      <c r="G43" s="38"/>
    </row>
    <row r="44" spans="4:10">
      <c r="D44" s="37"/>
      <c r="G44" s="38"/>
    </row>
    <row r="45" spans="4:10">
      <c r="D45" s="37"/>
      <c r="G45" s="38"/>
    </row>
    <row r="46" spans="4:10">
      <c r="D46" s="37"/>
      <c r="G46" s="38"/>
    </row>
    <row r="47" spans="4:10">
      <c r="D47" s="37"/>
      <c r="G47" s="38"/>
    </row>
    <row r="48" spans="4:10">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pageSetup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8262D9-5A4F-47DA-8F7F-849B4470D5E8}">
  <dimension ref="B1:G55"/>
  <sheetViews>
    <sheetView workbookViewId="0"/>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4</v>
      </c>
    </row>
    <row r="9" spans="2:7">
      <c r="B9" s="26" t="s">
        <v>805</v>
      </c>
      <c r="C9" s="15" t="s">
        <v>806</v>
      </c>
      <c r="D9" s="44">
        <v>1.5</v>
      </c>
      <c r="E9" s="15" t="s">
        <v>807</v>
      </c>
      <c r="F9" s="15" t="s">
        <v>808</v>
      </c>
      <c r="G9" s="47">
        <v>1</v>
      </c>
    </row>
    <row r="10" spans="2:7">
      <c r="B10" s="26" t="s">
        <v>811</v>
      </c>
      <c r="C10" s="15" t="s">
        <v>812</v>
      </c>
      <c r="D10" s="44">
        <v>1.5</v>
      </c>
      <c r="E10" s="15" t="s">
        <v>813</v>
      </c>
      <c r="F10" s="15" t="s">
        <v>814</v>
      </c>
      <c r="G10" s="47">
        <v>1.100000000000000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2</v>
      </c>
      <c r="E15" s="15"/>
      <c r="F15" s="15"/>
      <c r="G15" s="48"/>
    </row>
    <row r="16" spans="2:7">
      <c r="B16" s="26" t="s">
        <v>832</v>
      </c>
      <c r="C16" s="15" t="s">
        <v>833</v>
      </c>
      <c r="D16" s="44">
        <v>1.3</v>
      </c>
      <c r="E16" s="15"/>
      <c r="F16" s="15"/>
      <c r="G16" s="48"/>
    </row>
    <row r="17" spans="2:7">
      <c r="B17" s="26" t="s">
        <v>838</v>
      </c>
      <c r="C17" s="15" t="s">
        <v>839</v>
      </c>
      <c r="D17" s="44">
        <v>1.4</v>
      </c>
      <c r="E17" s="15"/>
      <c r="F17" s="15"/>
      <c r="G17" s="48"/>
    </row>
    <row r="18" spans="2:7">
      <c r="B18" s="26" t="s">
        <v>841</v>
      </c>
      <c r="C18" s="15" t="s">
        <v>842</v>
      </c>
      <c r="D18" s="44">
        <v>1.1000000000000001</v>
      </c>
      <c r="E18" s="15"/>
      <c r="F18" s="15"/>
      <c r="G18" s="48"/>
    </row>
    <row r="19" spans="2:7">
      <c r="B19" s="26" t="s">
        <v>843</v>
      </c>
      <c r="C19" s="15" t="s">
        <v>844</v>
      </c>
      <c r="D19" s="44">
        <v>1.100000000000000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75"/>
      <c r="C24" s="36"/>
      <c r="D24" s="1"/>
      <c r="E24" s="36"/>
      <c r="F24" s="36"/>
      <c r="G24" s="36"/>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ADDC6E-B0A8-4C9B-A8DF-B2773036C169}">
  <dimension ref="B1:G55"/>
  <sheetViews>
    <sheetView workbookViewId="0">
      <selection activeCell="G3" sqref="G3"/>
    </sheetView>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4</v>
      </c>
    </row>
    <row r="9" spans="2:7">
      <c r="B9" s="26" t="s">
        <v>805</v>
      </c>
      <c r="C9" s="15" t="s">
        <v>806</v>
      </c>
      <c r="D9" s="44">
        <v>1.5</v>
      </c>
      <c r="E9" s="15" t="s">
        <v>807</v>
      </c>
      <c r="F9" s="15" t="s">
        <v>808</v>
      </c>
      <c r="G9" s="47">
        <v>1</v>
      </c>
    </row>
    <row r="10" spans="2:7">
      <c r="B10" s="26" t="s">
        <v>811</v>
      </c>
      <c r="C10" s="15" t="s">
        <v>812</v>
      </c>
      <c r="D10" s="44">
        <v>1.5</v>
      </c>
      <c r="E10" s="15" t="s">
        <v>813</v>
      </c>
      <c r="F10" s="15" t="s">
        <v>814</v>
      </c>
      <c r="G10" s="47">
        <v>1.100000000000000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v>
      </c>
      <c r="E15" s="15"/>
      <c r="F15" s="15"/>
      <c r="G15" s="48"/>
    </row>
    <row r="16" spans="2:7">
      <c r="B16" s="26" t="s">
        <v>832</v>
      </c>
      <c r="C16" s="15" t="s">
        <v>833</v>
      </c>
      <c r="D16" s="44">
        <v>1.3</v>
      </c>
      <c r="E16" s="15"/>
      <c r="F16" s="15"/>
      <c r="G16" s="48"/>
    </row>
    <row r="17" spans="2:7">
      <c r="B17" s="26" t="s">
        <v>838</v>
      </c>
      <c r="C17" s="15" t="s">
        <v>839</v>
      </c>
      <c r="D17" s="44">
        <v>1.4</v>
      </c>
      <c r="E17" s="15"/>
      <c r="F17" s="15"/>
      <c r="G17" s="48"/>
    </row>
    <row r="18" spans="2:7">
      <c r="B18" s="26" t="s">
        <v>841</v>
      </c>
      <c r="C18" s="15" t="s">
        <v>842</v>
      </c>
      <c r="D18" s="44">
        <v>1.1000000000000001</v>
      </c>
      <c r="E18" s="15"/>
      <c r="F18" s="15"/>
      <c r="G18" s="48"/>
    </row>
    <row r="19" spans="2:7">
      <c r="B19" s="26" t="s">
        <v>843</v>
      </c>
      <c r="C19" s="15" t="s">
        <v>844</v>
      </c>
      <c r="D19" s="44">
        <v>1.100000000000000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75"/>
      <c r="C24" s="36"/>
      <c r="D24" s="1"/>
      <c r="E24" s="36"/>
      <c r="F24" s="36"/>
      <c r="G24" s="36"/>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FA86D9-0F65-41D1-99E9-CC141ECA5DFE}">
  <dimension ref="B1:G55"/>
  <sheetViews>
    <sheetView workbookViewId="0">
      <selection activeCell="E35" sqref="E35"/>
    </sheetView>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4</v>
      </c>
    </row>
    <row r="9" spans="2:7">
      <c r="B9" s="26" t="s">
        <v>805</v>
      </c>
      <c r="C9" s="15" t="s">
        <v>806</v>
      </c>
      <c r="D9" s="44">
        <v>1.5</v>
      </c>
      <c r="E9" s="15" t="s">
        <v>807</v>
      </c>
      <c r="F9" s="15" t="s">
        <v>808</v>
      </c>
      <c r="G9" s="47">
        <v>1</v>
      </c>
    </row>
    <row r="10" spans="2:7">
      <c r="B10" s="26" t="s">
        <v>811</v>
      </c>
      <c r="C10" s="15" t="s">
        <v>812</v>
      </c>
      <c r="D10" s="44">
        <v>1.5</v>
      </c>
      <c r="E10" s="15" t="s">
        <v>813</v>
      </c>
      <c r="F10" s="15" t="s">
        <v>814</v>
      </c>
      <c r="G10" s="47">
        <v>1.100000000000000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v>
      </c>
      <c r="E15" s="15"/>
      <c r="F15" s="15"/>
      <c r="G15" s="48"/>
    </row>
    <row r="16" spans="2:7">
      <c r="B16" s="26" t="s">
        <v>832</v>
      </c>
      <c r="C16" s="15" t="s">
        <v>833</v>
      </c>
      <c r="D16" s="44">
        <v>1.2</v>
      </c>
      <c r="E16" s="15"/>
      <c r="F16" s="15"/>
      <c r="G16" s="48"/>
    </row>
    <row r="17" spans="2:7">
      <c r="B17" s="26" t="s">
        <v>838</v>
      </c>
      <c r="C17" s="15" t="s">
        <v>839</v>
      </c>
      <c r="D17" s="44">
        <v>1.4</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75"/>
      <c r="C24" s="36"/>
      <c r="D24" s="1"/>
      <c r="E24" s="36"/>
      <c r="F24" s="36"/>
      <c r="G24" s="36"/>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7E3CB6-6ECF-46F2-8E18-792F102C9D4B}">
  <dimension ref="B1:G55"/>
  <sheetViews>
    <sheetView workbookViewId="0"/>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4</v>
      </c>
    </row>
    <row r="9" spans="2:7">
      <c r="B9" s="26" t="s">
        <v>805</v>
      </c>
      <c r="C9" s="15" t="s">
        <v>806</v>
      </c>
      <c r="D9" s="44">
        <v>1.5</v>
      </c>
      <c r="E9" s="15" t="s">
        <v>807</v>
      </c>
      <c r="F9" s="15" t="s">
        <v>808</v>
      </c>
      <c r="G9" s="47">
        <v>1</v>
      </c>
    </row>
    <row r="10" spans="2:7">
      <c r="B10" s="26" t="s">
        <v>811</v>
      </c>
      <c r="C10" s="15" t="s">
        <v>812</v>
      </c>
      <c r="D10" s="44">
        <v>1.5</v>
      </c>
      <c r="E10" s="15" t="s">
        <v>813</v>
      </c>
      <c r="F10" s="15" t="s">
        <v>814</v>
      </c>
      <c r="G10" s="47">
        <v>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v>
      </c>
      <c r="E15" s="15"/>
      <c r="F15" s="15"/>
      <c r="G15" s="48"/>
    </row>
    <row r="16" spans="2:7">
      <c r="B16" s="26" t="s">
        <v>832</v>
      </c>
      <c r="C16" s="15" t="s">
        <v>833</v>
      </c>
      <c r="D16" s="44">
        <v>1.2</v>
      </c>
      <c r="E16" s="15"/>
      <c r="F16" s="15"/>
      <c r="G16" s="48"/>
    </row>
    <row r="17" spans="2:7">
      <c r="B17" s="26" t="s">
        <v>838</v>
      </c>
      <c r="C17" s="15" t="s">
        <v>839</v>
      </c>
      <c r="D17" s="44">
        <v>1.2</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75"/>
      <c r="C24" s="36"/>
      <c r="D24" s="1"/>
      <c r="E24" s="36"/>
      <c r="F24" s="36"/>
      <c r="G24" s="36"/>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filterMode="1"/>
  <dimension ref="B2:M346"/>
  <sheetViews>
    <sheetView zoomScaleNormal="100" workbookViewId="0">
      <pane ySplit="2" topLeftCell="A318" activePane="bottomLeft" state="frozen"/>
      <selection pane="bottomLeft" activeCell="A347" sqref="A347:XFD350"/>
    </sheetView>
  </sheetViews>
  <sheetFormatPr defaultRowHeight="15"/>
  <cols>
    <col min="2" max="2" width="17.7109375" customWidth="1"/>
    <col min="3" max="3" width="17.7109375" bestFit="1" customWidth="1"/>
    <col min="4" max="4" width="15.7109375" bestFit="1" customWidth="1"/>
    <col min="5" max="5" width="12.42578125" bestFit="1" customWidth="1"/>
    <col min="6" max="6" width="8.85546875" bestFit="1" customWidth="1"/>
    <col min="7" max="7" width="13.7109375" bestFit="1" customWidth="1"/>
    <col min="8" max="8" width="16.85546875" bestFit="1" customWidth="1"/>
    <col min="9" max="9" width="19.140625" bestFit="1" customWidth="1"/>
    <col min="10" max="10" width="14.85546875" bestFit="1" customWidth="1"/>
    <col min="11" max="11" width="14.7109375" bestFit="1" customWidth="1"/>
    <col min="12" max="12" width="16.28515625" bestFit="1" customWidth="1"/>
    <col min="13" max="13" width="17.28515625" bestFit="1" customWidth="1"/>
  </cols>
  <sheetData>
    <row r="2" spans="2:13" s="1" customFormat="1" ht="34.9" customHeight="1">
      <c r="B2" s="2" t="s">
        <v>38</v>
      </c>
      <c r="C2" s="2" t="s">
        <v>39</v>
      </c>
      <c r="D2" s="2" t="s">
        <v>40</v>
      </c>
      <c r="E2" s="2" t="s">
        <v>41</v>
      </c>
      <c r="F2" s="2" t="s">
        <v>42</v>
      </c>
      <c r="G2" s="2" t="s">
        <v>43</v>
      </c>
      <c r="H2" s="2" t="s">
        <v>44</v>
      </c>
      <c r="I2" s="2" t="s">
        <v>45</v>
      </c>
      <c r="J2" s="2" t="s">
        <v>46</v>
      </c>
      <c r="K2" s="2" t="s">
        <v>47</v>
      </c>
      <c r="L2" s="2" t="s">
        <v>48</v>
      </c>
      <c r="M2" s="2" t="s">
        <v>49</v>
      </c>
    </row>
    <row r="3" spans="2:13">
      <c r="B3" s="3" t="s">
        <v>50</v>
      </c>
      <c r="C3" s="3" t="s">
        <v>51</v>
      </c>
      <c r="D3" s="3" t="s">
        <v>52</v>
      </c>
      <c r="E3" s="3" t="s">
        <v>53</v>
      </c>
      <c r="F3" s="3">
        <v>14</v>
      </c>
      <c r="G3" s="3">
        <v>8</v>
      </c>
      <c r="H3" s="3">
        <v>512</v>
      </c>
      <c r="I3" s="3">
        <v>6</v>
      </c>
      <c r="J3" s="3">
        <v>6</v>
      </c>
      <c r="K3" s="3">
        <v>6</v>
      </c>
      <c r="L3" s="3">
        <v>6</v>
      </c>
      <c r="M3" s="3">
        <v>9</v>
      </c>
    </row>
    <row r="4" spans="2:13">
      <c r="B4" s="5" t="s">
        <v>50</v>
      </c>
      <c r="C4" s="5" t="s">
        <v>54</v>
      </c>
      <c r="D4" s="5" t="s">
        <v>52</v>
      </c>
      <c r="E4" s="5" t="s">
        <v>53</v>
      </c>
      <c r="F4" s="5">
        <v>14</v>
      </c>
      <c r="G4" s="5">
        <v>8</v>
      </c>
      <c r="H4" s="5">
        <v>512</v>
      </c>
      <c r="I4" s="5">
        <v>6</v>
      </c>
      <c r="J4" s="5">
        <v>6</v>
      </c>
      <c r="K4" s="5">
        <v>6</v>
      </c>
      <c r="L4" s="5">
        <v>6</v>
      </c>
      <c r="M4" s="5">
        <v>9</v>
      </c>
    </row>
    <row r="5" spans="2:13">
      <c r="B5" s="4" t="s">
        <v>50</v>
      </c>
      <c r="C5" s="4" t="s">
        <v>55</v>
      </c>
      <c r="D5" s="4" t="s">
        <v>52</v>
      </c>
      <c r="E5" s="4" t="s">
        <v>53</v>
      </c>
      <c r="F5" s="4">
        <v>14</v>
      </c>
      <c r="G5" s="4">
        <v>8</v>
      </c>
      <c r="H5" s="4">
        <v>512</v>
      </c>
      <c r="I5" s="4">
        <v>6</v>
      </c>
      <c r="J5" s="4">
        <v>6</v>
      </c>
      <c r="K5" s="4">
        <v>6</v>
      </c>
      <c r="L5" s="4">
        <v>6</v>
      </c>
      <c r="M5" s="4">
        <v>9</v>
      </c>
    </row>
    <row r="6" spans="2:13">
      <c r="B6" s="5" t="s">
        <v>50</v>
      </c>
      <c r="C6" s="5" t="s">
        <v>56</v>
      </c>
      <c r="D6" s="5" t="s">
        <v>52</v>
      </c>
      <c r="E6" s="5" t="s">
        <v>57</v>
      </c>
      <c r="F6" s="5">
        <v>20</v>
      </c>
      <c r="G6" s="5">
        <v>8</v>
      </c>
      <c r="H6" s="5">
        <v>512</v>
      </c>
      <c r="I6" s="5">
        <v>6</v>
      </c>
      <c r="J6" s="5">
        <v>6</v>
      </c>
      <c r="K6" s="5">
        <v>6</v>
      </c>
      <c r="L6" s="5">
        <v>6</v>
      </c>
      <c r="M6" s="5">
        <v>9</v>
      </c>
    </row>
    <row r="7" spans="2:13">
      <c r="B7" s="4" t="s">
        <v>50</v>
      </c>
      <c r="C7" s="4" t="s">
        <v>58</v>
      </c>
      <c r="D7" s="4" t="s">
        <v>52</v>
      </c>
      <c r="E7" s="4" t="s">
        <v>59</v>
      </c>
      <c r="F7" s="4">
        <v>20</v>
      </c>
      <c r="G7" s="4">
        <v>8</v>
      </c>
      <c r="H7" s="4">
        <v>512</v>
      </c>
      <c r="I7" s="4">
        <v>6</v>
      </c>
      <c r="J7" s="4">
        <v>6</v>
      </c>
      <c r="K7" s="4">
        <v>6</v>
      </c>
      <c r="L7" s="4">
        <v>6</v>
      </c>
      <c r="M7" s="4">
        <v>9</v>
      </c>
    </row>
    <row r="8" spans="2:13">
      <c r="B8" s="5" t="s">
        <v>50</v>
      </c>
      <c r="C8" s="5" t="s">
        <v>60</v>
      </c>
      <c r="D8" s="5" t="s">
        <v>52</v>
      </c>
      <c r="E8" s="5" t="s">
        <v>59</v>
      </c>
      <c r="F8" s="5">
        <v>20</v>
      </c>
      <c r="G8" s="5">
        <v>8</v>
      </c>
      <c r="H8" s="5">
        <v>512</v>
      </c>
      <c r="I8" s="5">
        <v>6</v>
      </c>
      <c r="J8" s="5">
        <v>6</v>
      </c>
      <c r="K8" s="5">
        <v>6</v>
      </c>
      <c r="L8" s="5">
        <v>6</v>
      </c>
      <c r="M8" s="5">
        <v>9</v>
      </c>
    </row>
    <row r="9" spans="2:13">
      <c r="B9" s="4" t="s">
        <v>50</v>
      </c>
      <c r="C9" s="4" t="s">
        <v>61</v>
      </c>
      <c r="D9" s="4" t="s">
        <v>52</v>
      </c>
      <c r="E9" s="4" t="s">
        <v>59</v>
      </c>
      <c r="F9" s="4">
        <v>20</v>
      </c>
      <c r="G9" s="4">
        <v>8</v>
      </c>
      <c r="H9" s="4">
        <v>512</v>
      </c>
      <c r="I9" s="4">
        <v>6</v>
      </c>
      <c r="J9" s="4">
        <v>6</v>
      </c>
      <c r="K9" s="4">
        <v>6</v>
      </c>
      <c r="L9" s="4">
        <v>6</v>
      </c>
      <c r="M9" s="4">
        <v>9</v>
      </c>
    </row>
    <row r="10" spans="2:13">
      <c r="B10" s="5" t="s">
        <v>50</v>
      </c>
      <c r="C10" s="5" t="s">
        <v>62</v>
      </c>
      <c r="D10" s="5" t="s">
        <v>52</v>
      </c>
      <c r="E10" s="5" t="s">
        <v>57</v>
      </c>
      <c r="F10" s="5">
        <v>20</v>
      </c>
      <c r="G10" s="5">
        <v>8</v>
      </c>
      <c r="H10" s="5">
        <v>512</v>
      </c>
      <c r="I10" s="5">
        <v>6</v>
      </c>
      <c r="J10" s="5">
        <v>6</v>
      </c>
      <c r="K10" s="5">
        <v>6</v>
      </c>
      <c r="L10" s="5">
        <v>6</v>
      </c>
      <c r="M10" s="5">
        <v>9</v>
      </c>
    </row>
    <row r="11" spans="2:13">
      <c r="B11" s="4" t="s">
        <v>50</v>
      </c>
      <c r="C11" s="4" t="s">
        <v>63</v>
      </c>
      <c r="D11" s="4" t="s">
        <v>52</v>
      </c>
      <c r="E11" s="4" t="s">
        <v>64</v>
      </c>
      <c r="F11" s="4">
        <v>24</v>
      </c>
      <c r="G11" s="4">
        <v>8</v>
      </c>
      <c r="H11" s="4">
        <v>512</v>
      </c>
      <c r="I11" s="4">
        <v>6</v>
      </c>
      <c r="J11" s="4">
        <v>6</v>
      </c>
      <c r="K11" s="4">
        <v>6</v>
      </c>
      <c r="L11" s="4">
        <v>6</v>
      </c>
      <c r="M11" s="4">
        <v>9</v>
      </c>
    </row>
    <row r="12" spans="2:13">
      <c r="B12" s="6" t="s">
        <v>50</v>
      </c>
      <c r="C12" s="6" t="s">
        <v>65</v>
      </c>
      <c r="D12" s="6" t="s">
        <v>52</v>
      </c>
      <c r="E12" s="6" t="s">
        <v>64</v>
      </c>
      <c r="F12" s="6">
        <v>24</v>
      </c>
      <c r="G12" s="6">
        <v>8</v>
      </c>
      <c r="H12" s="6">
        <v>512</v>
      </c>
      <c r="I12" s="6">
        <v>6</v>
      </c>
      <c r="J12" s="6">
        <v>6</v>
      </c>
      <c r="K12" s="6">
        <v>6</v>
      </c>
      <c r="L12" s="6">
        <v>6</v>
      </c>
      <c r="M12" s="6">
        <v>9</v>
      </c>
    </row>
    <row r="13" spans="2:13">
      <c r="B13" s="7" t="s">
        <v>50</v>
      </c>
      <c r="C13" s="7" t="s">
        <v>66</v>
      </c>
      <c r="D13" s="7" t="s">
        <v>52</v>
      </c>
      <c r="E13" s="7" t="s">
        <v>64</v>
      </c>
      <c r="F13" s="7">
        <v>24</v>
      </c>
      <c r="G13" s="7">
        <v>8</v>
      </c>
      <c r="H13" s="7">
        <v>512</v>
      </c>
      <c r="I13" s="7">
        <v>6</v>
      </c>
      <c r="J13" s="7">
        <v>6</v>
      </c>
      <c r="K13" s="7">
        <v>6</v>
      </c>
      <c r="L13" s="7">
        <v>6</v>
      </c>
      <c r="M13" s="7">
        <v>9</v>
      </c>
    </row>
    <row r="14" spans="2:13">
      <c r="B14" s="8" t="s">
        <v>50</v>
      </c>
      <c r="C14" s="8" t="s">
        <v>67</v>
      </c>
      <c r="D14" s="8" t="s">
        <v>52</v>
      </c>
      <c r="E14" s="8" t="s">
        <v>68</v>
      </c>
      <c r="F14" s="8">
        <v>14</v>
      </c>
      <c r="G14" s="8">
        <v>16</v>
      </c>
      <c r="H14" s="8">
        <v>2048</v>
      </c>
      <c r="I14" s="8">
        <v>6</v>
      </c>
      <c r="J14" s="8">
        <v>6</v>
      </c>
      <c r="K14" s="8">
        <v>6</v>
      </c>
      <c r="L14" s="8">
        <v>6</v>
      </c>
      <c r="M14" s="8">
        <v>9</v>
      </c>
    </row>
    <row r="15" spans="2:13">
      <c r="B15" s="4" t="s">
        <v>50</v>
      </c>
      <c r="C15" s="4" t="s">
        <v>69</v>
      </c>
      <c r="D15" s="4" t="s">
        <v>52</v>
      </c>
      <c r="E15" s="4" t="s">
        <v>68</v>
      </c>
      <c r="F15" s="4">
        <v>14</v>
      </c>
      <c r="G15" s="4">
        <v>16</v>
      </c>
      <c r="H15" s="4">
        <v>2048</v>
      </c>
      <c r="I15" s="4">
        <v>6</v>
      </c>
      <c r="J15" s="4">
        <v>6</v>
      </c>
      <c r="K15" s="4">
        <v>6</v>
      </c>
      <c r="L15" s="4">
        <v>6</v>
      </c>
      <c r="M15" s="4">
        <v>9</v>
      </c>
    </row>
    <row r="16" spans="2:13">
      <c r="B16" s="5" t="s">
        <v>50</v>
      </c>
      <c r="C16" s="5" t="s">
        <v>70</v>
      </c>
      <c r="D16" s="5" t="s">
        <v>52</v>
      </c>
      <c r="E16" s="5" t="s">
        <v>57</v>
      </c>
      <c r="F16" s="5">
        <v>20</v>
      </c>
      <c r="G16" s="5">
        <v>16</v>
      </c>
      <c r="H16" s="5">
        <v>2048</v>
      </c>
      <c r="I16" s="5">
        <v>12</v>
      </c>
      <c r="J16" s="5">
        <v>12</v>
      </c>
      <c r="K16" s="5">
        <v>12</v>
      </c>
      <c r="L16" s="5">
        <v>12</v>
      </c>
      <c r="M16" s="5">
        <v>36</v>
      </c>
    </row>
    <row r="17" spans="2:13">
      <c r="B17" s="4" t="s">
        <v>50</v>
      </c>
      <c r="C17" s="4" t="s">
        <v>71</v>
      </c>
      <c r="D17" s="4" t="s">
        <v>52</v>
      </c>
      <c r="E17" s="4" t="s">
        <v>57</v>
      </c>
      <c r="F17" s="4">
        <v>20</v>
      </c>
      <c r="G17" s="4">
        <v>16</v>
      </c>
      <c r="H17" s="4">
        <v>2048</v>
      </c>
      <c r="I17" s="4">
        <v>12</v>
      </c>
      <c r="J17" s="4">
        <v>12</v>
      </c>
      <c r="K17" s="4">
        <v>12</v>
      </c>
      <c r="L17" s="4">
        <v>12</v>
      </c>
      <c r="M17" s="4">
        <v>36</v>
      </c>
    </row>
    <row r="18" spans="2:13">
      <c r="B18" s="5" t="s">
        <v>50</v>
      </c>
      <c r="C18" s="5" t="s">
        <v>72</v>
      </c>
      <c r="D18" s="5" t="s">
        <v>52</v>
      </c>
      <c r="E18" s="5" t="s">
        <v>64</v>
      </c>
      <c r="F18" s="5">
        <v>24</v>
      </c>
      <c r="G18" s="5">
        <v>16</v>
      </c>
      <c r="H18" s="5">
        <v>2048</v>
      </c>
      <c r="I18" s="5">
        <v>14</v>
      </c>
      <c r="J18" s="5">
        <v>14</v>
      </c>
      <c r="K18" s="5">
        <v>14</v>
      </c>
      <c r="L18" s="5">
        <v>14</v>
      </c>
      <c r="M18" s="5">
        <v>49</v>
      </c>
    </row>
    <row r="19" spans="2:13">
      <c r="B19" s="4" t="s">
        <v>50</v>
      </c>
      <c r="C19" s="4" t="s">
        <v>73</v>
      </c>
      <c r="D19" s="4" t="s">
        <v>52</v>
      </c>
      <c r="E19" s="4" t="s">
        <v>64</v>
      </c>
      <c r="F19" s="4">
        <v>24</v>
      </c>
      <c r="G19" s="4">
        <v>16</v>
      </c>
      <c r="H19" s="4">
        <v>2048</v>
      </c>
      <c r="I19" s="4">
        <v>14</v>
      </c>
      <c r="J19" s="4">
        <v>14</v>
      </c>
      <c r="K19" s="4">
        <v>14</v>
      </c>
      <c r="L19" s="4">
        <v>14</v>
      </c>
      <c r="M19" s="4">
        <v>49</v>
      </c>
    </row>
    <row r="20" spans="2:13">
      <c r="B20" s="5" t="s">
        <v>74</v>
      </c>
      <c r="C20" s="5" t="s">
        <v>75</v>
      </c>
      <c r="D20" s="5" t="s">
        <v>76</v>
      </c>
      <c r="E20" s="5" t="s">
        <v>53</v>
      </c>
      <c r="F20" s="5">
        <v>14</v>
      </c>
      <c r="G20" s="5">
        <v>16</v>
      </c>
      <c r="H20" s="5">
        <v>4096</v>
      </c>
      <c r="I20" s="5">
        <v>7</v>
      </c>
      <c r="J20" s="5">
        <v>4</v>
      </c>
      <c r="K20" s="5">
        <v>7</v>
      </c>
      <c r="L20" s="5">
        <v>7</v>
      </c>
      <c r="M20" s="5">
        <v>12</v>
      </c>
    </row>
    <row r="21" spans="2:13">
      <c r="B21" s="4" t="s">
        <v>77</v>
      </c>
      <c r="C21" s="4" t="s">
        <v>78</v>
      </c>
      <c r="D21" s="4" t="s">
        <v>76</v>
      </c>
      <c r="E21" s="4" t="s">
        <v>53</v>
      </c>
      <c r="F21" s="4">
        <v>14</v>
      </c>
      <c r="G21" s="4">
        <v>16</v>
      </c>
      <c r="H21" s="4">
        <v>4096</v>
      </c>
      <c r="I21" s="4">
        <v>7</v>
      </c>
      <c r="J21" s="4">
        <v>4</v>
      </c>
      <c r="K21" s="4">
        <v>7</v>
      </c>
      <c r="L21" s="4">
        <v>7</v>
      </c>
      <c r="M21" s="4">
        <v>12</v>
      </c>
    </row>
    <row r="22" spans="2:13">
      <c r="B22" s="5" t="s">
        <v>74</v>
      </c>
      <c r="C22" s="5" t="s">
        <v>79</v>
      </c>
      <c r="D22" s="5" t="s">
        <v>76</v>
      </c>
      <c r="E22" s="5" t="s">
        <v>57</v>
      </c>
      <c r="F22" s="5">
        <v>20</v>
      </c>
      <c r="G22" s="5">
        <v>16</v>
      </c>
      <c r="H22" s="5">
        <v>4096</v>
      </c>
      <c r="I22" s="5">
        <v>13</v>
      </c>
      <c r="J22" s="5">
        <v>7</v>
      </c>
      <c r="K22" s="5">
        <v>13</v>
      </c>
      <c r="L22" s="5">
        <v>13</v>
      </c>
      <c r="M22" s="5">
        <v>42</v>
      </c>
    </row>
    <row r="23" spans="2:13">
      <c r="B23" s="4" t="s">
        <v>74</v>
      </c>
      <c r="C23" s="4" t="s">
        <v>80</v>
      </c>
      <c r="D23" s="4" t="s">
        <v>76</v>
      </c>
      <c r="E23" s="4" t="s">
        <v>81</v>
      </c>
      <c r="F23" s="4">
        <v>20</v>
      </c>
      <c r="G23" s="4">
        <v>16</v>
      </c>
      <c r="H23" s="4">
        <v>4096</v>
      </c>
      <c r="I23" s="4">
        <v>13</v>
      </c>
      <c r="J23" s="4">
        <v>7</v>
      </c>
      <c r="K23" s="4">
        <v>13</v>
      </c>
      <c r="L23" s="4">
        <v>13</v>
      </c>
      <c r="M23" s="4">
        <v>42</v>
      </c>
    </row>
    <row r="24" spans="2:13">
      <c r="B24" s="5" t="s">
        <v>77</v>
      </c>
      <c r="C24" s="5" t="s">
        <v>82</v>
      </c>
      <c r="D24" s="5" t="s">
        <v>76</v>
      </c>
      <c r="E24" s="5" t="s">
        <v>57</v>
      </c>
      <c r="F24" s="5">
        <v>20</v>
      </c>
      <c r="G24" s="5">
        <v>16</v>
      </c>
      <c r="H24" s="5">
        <v>4096</v>
      </c>
      <c r="I24" s="5">
        <v>13</v>
      </c>
      <c r="J24" s="5">
        <v>7</v>
      </c>
      <c r="K24" s="5">
        <v>13</v>
      </c>
      <c r="L24" s="5">
        <v>13</v>
      </c>
      <c r="M24" s="5">
        <v>42</v>
      </c>
    </row>
    <row r="25" spans="2:13">
      <c r="B25" s="4" t="s">
        <v>77</v>
      </c>
      <c r="C25" s="4" t="s">
        <v>83</v>
      </c>
      <c r="D25" s="4" t="s">
        <v>76</v>
      </c>
      <c r="E25" s="4" t="s">
        <v>81</v>
      </c>
      <c r="F25" s="4">
        <v>20</v>
      </c>
      <c r="G25" s="4">
        <v>16</v>
      </c>
      <c r="H25" s="4">
        <v>4096</v>
      </c>
      <c r="I25" s="4">
        <v>13</v>
      </c>
      <c r="J25" s="4">
        <v>7</v>
      </c>
      <c r="K25" s="4">
        <v>13</v>
      </c>
      <c r="L25" s="4">
        <v>13</v>
      </c>
      <c r="M25" s="4">
        <v>42</v>
      </c>
    </row>
    <row r="26" spans="2:13">
      <c r="B26" s="5" t="s">
        <v>74</v>
      </c>
      <c r="C26" s="5" t="s">
        <v>84</v>
      </c>
      <c r="D26" s="5" t="s">
        <v>76</v>
      </c>
      <c r="E26" s="5" t="s">
        <v>85</v>
      </c>
      <c r="F26" s="5">
        <v>24</v>
      </c>
      <c r="G26" s="5">
        <v>16</v>
      </c>
      <c r="H26" s="5">
        <v>4096</v>
      </c>
      <c r="I26" s="5">
        <v>17</v>
      </c>
      <c r="J26" s="5">
        <v>11</v>
      </c>
      <c r="K26" s="5">
        <v>16</v>
      </c>
      <c r="L26" s="5">
        <v>16</v>
      </c>
      <c r="M26" s="5">
        <v>60</v>
      </c>
    </row>
    <row r="27" spans="2:13">
      <c r="B27" s="4" t="s">
        <v>77</v>
      </c>
      <c r="C27" s="4" t="s">
        <v>86</v>
      </c>
      <c r="D27" s="4" t="s">
        <v>76</v>
      </c>
      <c r="E27" s="4" t="s">
        <v>85</v>
      </c>
      <c r="F27" s="4">
        <v>24</v>
      </c>
      <c r="G27" s="4">
        <v>16</v>
      </c>
      <c r="H27" s="4">
        <v>4096</v>
      </c>
      <c r="I27" s="4">
        <v>17</v>
      </c>
      <c r="J27" s="4">
        <v>11</v>
      </c>
      <c r="K27" s="4">
        <v>16</v>
      </c>
      <c r="L27" s="4">
        <v>16</v>
      </c>
      <c r="M27" s="4">
        <v>60</v>
      </c>
    </row>
    <row r="28" spans="2:13">
      <c r="B28" s="5" t="s">
        <v>87</v>
      </c>
      <c r="C28" s="5" t="s">
        <v>88</v>
      </c>
      <c r="D28" s="5" t="s">
        <v>52</v>
      </c>
      <c r="E28" s="5" t="s">
        <v>89</v>
      </c>
      <c r="F28" s="5">
        <v>32</v>
      </c>
      <c r="G28" s="5">
        <v>32</v>
      </c>
      <c r="H28" s="5">
        <v>2048</v>
      </c>
      <c r="I28" s="5">
        <v>24</v>
      </c>
      <c r="J28" s="5">
        <v>16</v>
      </c>
      <c r="K28" s="5">
        <v>24</v>
      </c>
      <c r="L28" s="5">
        <v>24</v>
      </c>
      <c r="M28" s="5">
        <v>55</v>
      </c>
    </row>
    <row r="29" spans="2:13">
      <c r="B29" s="4" t="s">
        <v>87</v>
      </c>
      <c r="C29" s="4" t="s">
        <v>90</v>
      </c>
      <c r="D29" s="4" t="s">
        <v>52</v>
      </c>
      <c r="E29" s="4" t="s">
        <v>89</v>
      </c>
      <c r="F29" s="4">
        <v>32</v>
      </c>
      <c r="G29" s="4">
        <v>32</v>
      </c>
      <c r="H29" s="4">
        <v>2048</v>
      </c>
      <c r="I29" s="4">
        <v>24</v>
      </c>
      <c r="J29" s="4">
        <v>16</v>
      </c>
      <c r="K29" s="4">
        <v>24</v>
      </c>
      <c r="L29" s="4">
        <v>24</v>
      </c>
      <c r="M29" s="4">
        <v>55</v>
      </c>
    </row>
    <row r="30" spans="2:13">
      <c r="B30" s="5" t="s">
        <v>87</v>
      </c>
      <c r="C30" s="5" t="s">
        <v>91</v>
      </c>
      <c r="D30" s="5" t="s">
        <v>52</v>
      </c>
      <c r="E30" s="5" t="s">
        <v>92</v>
      </c>
      <c r="F30" s="5">
        <v>32</v>
      </c>
      <c r="G30" s="5">
        <v>32</v>
      </c>
      <c r="H30" s="5">
        <v>2048</v>
      </c>
      <c r="I30" s="5">
        <v>24</v>
      </c>
      <c r="J30" s="5">
        <v>16</v>
      </c>
      <c r="K30" s="5">
        <v>24</v>
      </c>
      <c r="L30" s="5">
        <v>24</v>
      </c>
      <c r="M30" s="5">
        <v>55</v>
      </c>
    </row>
    <row r="31" spans="2:13">
      <c r="B31" s="4" t="s">
        <v>87</v>
      </c>
      <c r="C31" s="4" t="s">
        <v>93</v>
      </c>
      <c r="D31" s="4" t="s">
        <v>52</v>
      </c>
      <c r="E31" s="4" t="s">
        <v>92</v>
      </c>
      <c r="F31" s="4">
        <v>32</v>
      </c>
      <c r="G31" s="4">
        <v>32</v>
      </c>
      <c r="H31" s="4">
        <v>2048</v>
      </c>
      <c r="I31" s="4">
        <v>24</v>
      </c>
      <c r="J31" s="4">
        <v>16</v>
      </c>
      <c r="K31" s="4">
        <v>24</v>
      </c>
      <c r="L31" s="4">
        <v>24</v>
      </c>
      <c r="M31" s="4">
        <v>55</v>
      </c>
    </row>
    <row r="32" spans="2:13">
      <c r="B32" s="5" t="s">
        <v>87</v>
      </c>
      <c r="C32" s="5" t="s">
        <v>94</v>
      </c>
      <c r="D32" s="5" t="s">
        <v>52</v>
      </c>
      <c r="E32" s="5" t="s">
        <v>95</v>
      </c>
      <c r="F32" s="5">
        <v>44</v>
      </c>
      <c r="G32" s="5">
        <v>32</v>
      </c>
      <c r="H32" s="5">
        <v>2048</v>
      </c>
      <c r="I32" s="5">
        <v>32</v>
      </c>
      <c r="J32" s="5">
        <v>16</v>
      </c>
      <c r="K32" s="5">
        <v>32</v>
      </c>
      <c r="L32" s="5">
        <v>32</v>
      </c>
      <c r="M32" s="5">
        <v>55</v>
      </c>
    </row>
    <row r="33" spans="2:13">
      <c r="B33" s="4" t="s">
        <v>87</v>
      </c>
      <c r="C33" s="4" t="s">
        <v>96</v>
      </c>
      <c r="D33" s="4" t="s">
        <v>52</v>
      </c>
      <c r="E33" s="4" t="s">
        <v>97</v>
      </c>
      <c r="F33" s="4">
        <v>44</v>
      </c>
      <c r="G33" s="4">
        <v>32</v>
      </c>
      <c r="H33" s="4">
        <v>2048</v>
      </c>
      <c r="I33" s="4">
        <v>32</v>
      </c>
      <c r="J33" s="4">
        <v>16</v>
      </c>
      <c r="K33" s="4">
        <v>32</v>
      </c>
      <c r="L33" s="4">
        <v>32</v>
      </c>
      <c r="M33" s="4">
        <v>55</v>
      </c>
    </row>
    <row r="34" spans="2:13">
      <c r="B34" s="5" t="s">
        <v>87</v>
      </c>
      <c r="C34" s="5" t="s">
        <v>98</v>
      </c>
      <c r="D34" s="5" t="s">
        <v>52</v>
      </c>
      <c r="E34" s="5" t="s">
        <v>97</v>
      </c>
      <c r="F34" s="5">
        <v>44</v>
      </c>
      <c r="G34" s="5">
        <v>32</v>
      </c>
      <c r="H34" s="5">
        <v>2048</v>
      </c>
      <c r="I34" s="5">
        <v>32</v>
      </c>
      <c r="J34" s="5">
        <v>16</v>
      </c>
      <c r="K34" s="5">
        <v>32</v>
      </c>
      <c r="L34" s="5">
        <v>32</v>
      </c>
      <c r="M34" s="5">
        <v>55</v>
      </c>
    </row>
    <row r="35" spans="2:13">
      <c r="B35" s="3" t="s">
        <v>87</v>
      </c>
      <c r="C35" s="3" t="s">
        <v>99</v>
      </c>
      <c r="D35" s="3" t="s">
        <v>52</v>
      </c>
      <c r="E35" s="3" t="s">
        <v>97</v>
      </c>
      <c r="F35" s="3">
        <v>44</v>
      </c>
      <c r="G35" s="3">
        <v>32</v>
      </c>
      <c r="H35" s="3">
        <v>2048</v>
      </c>
      <c r="I35" s="3">
        <v>32</v>
      </c>
      <c r="J35" s="3">
        <v>16</v>
      </c>
      <c r="K35" s="3">
        <v>32</v>
      </c>
      <c r="L35" s="3">
        <v>32</v>
      </c>
      <c r="M35" s="3">
        <v>55</v>
      </c>
    </row>
    <row r="36" spans="2:13">
      <c r="B36" s="5" t="s">
        <v>87</v>
      </c>
      <c r="C36" s="5" t="s">
        <v>100</v>
      </c>
      <c r="D36" s="5" t="s">
        <v>52</v>
      </c>
      <c r="E36" s="5" t="s">
        <v>97</v>
      </c>
      <c r="F36" s="5">
        <v>44</v>
      </c>
      <c r="G36" s="5">
        <v>32</v>
      </c>
      <c r="H36" s="5">
        <v>2048</v>
      </c>
      <c r="I36" s="5">
        <v>32</v>
      </c>
      <c r="J36" s="5">
        <v>16</v>
      </c>
      <c r="K36" s="5">
        <v>32</v>
      </c>
      <c r="L36" s="5">
        <v>32</v>
      </c>
      <c r="M36" s="5">
        <v>55</v>
      </c>
    </row>
    <row r="37" spans="2:13">
      <c r="B37" s="4" t="s">
        <v>87</v>
      </c>
      <c r="C37" s="4" t="s">
        <v>101</v>
      </c>
      <c r="D37" s="4" t="s">
        <v>52</v>
      </c>
      <c r="E37" s="4" t="s">
        <v>95</v>
      </c>
      <c r="F37" s="4">
        <v>44</v>
      </c>
      <c r="G37" s="4">
        <v>32</v>
      </c>
      <c r="H37" s="4">
        <v>2048</v>
      </c>
      <c r="I37" s="4">
        <v>32</v>
      </c>
      <c r="J37" s="4">
        <v>16</v>
      </c>
      <c r="K37" s="4">
        <v>32</v>
      </c>
      <c r="L37" s="4">
        <v>32</v>
      </c>
      <c r="M37" s="4">
        <v>55</v>
      </c>
    </row>
    <row r="38" spans="2:13">
      <c r="B38" s="5" t="s">
        <v>87</v>
      </c>
      <c r="C38" s="5" t="s">
        <v>102</v>
      </c>
      <c r="D38" s="5" t="s">
        <v>52</v>
      </c>
      <c r="E38" s="5" t="s">
        <v>95</v>
      </c>
      <c r="F38" s="5">
        <v>44</v>
      </c>
      <c r="G38" s="5">
        <v>32</v>
      </c>
      <c r="H38" s="5">
        <v>2048</v>
      </c>
      <c r="I38" s="5">
        <v>32</v>
      </c>
      <c r="J38" s="5">
        <v>16</v>
      </c>
      <c r="K38" s="5">
        <v>32</v>
      </c>
      <c r="L38" s="5">
        <v>32</v>
      </c>
      <c r="M38" s="5">
        <v>55</v>
      </c>
    </row>
    <row r="39" spans="2:13">
      <c r="B39" s="4" t="s">
        <v>87</v>
      </c>
      <c r="C39" s="4" t="s">
        <v>103</v>
      </c>
      <c r="D39" s="4" t="s">
        <v>52</v>
      </c>
      <c r="E39" s="4" t="s">
        <v>95</v>
      </c>
      <c r="F39" s="4">
        <v>44</v>
      </c>
      <c r="G39" s="4">
        <v>32</v>
      </c>
      <c r="H39" s="4">
        <v>2048</v>
      </c>
      <c r="I39" s="4">
        <v>32</v>
      </c>
      <c r="J39" s="4">
        <v>16</v>
      </c>
      <c r="K39" s="4">
        <v>32</v>
      </c>
      <c r="L39" s="4">
        <v>32</v>
      </c>
      <c r="M39" s="4">
        <v>55</v>
      </c>
    </row>
    <row r="40" spans="2:13" hidden="1">
      <c r="B40" s="5" t="s">
        <v>104</v>
      </c>
      <c r="C40" s="5" t="s">
        <v>105</v>
      </c>
      <c r="D40" s="5" t="s">
        <v>76</v>
      </c>
      <c r="E40" s="5" t="s">
        <v>106</v>
      </c>
      <c r="F40" s="5">
        <v>32</v>
      </c>
      <c r="G40" s="5" t="s">
        <v>107</v>
      </c>
      <c r="H40" s="5" t="s">
        <v>108</v>
      </c>
      <c r="I40" s="5">
        <v>16</v>
      </c>
      <c r="J40" s="5">
        <v>10</v>
      </c>
      <c r="K40" s="5">
        <v>6</v>
      </c>
      <c r="L40" s="5">
        <v>6</v>
      </c>
      <c r="M40" s="5">
        <v>60</v>
      </c>
    </row>
    <row r="41" spans="2:13" hidden="1">
      <c r="B41" s="4" t="s">
        <v>104</v>
      </c>
      <c r="C41" s="4" t="s">
        <v>105</v>
      </c>
      <c r="D41" s="4" t="s">
        <v>76</v>
      </c>
      <c r="E41" s="4" t="s">
        <v>89</v>
      </c>
      <c r="F41" s="4">
        <v>32</v>
      </c>
      <c r="G41" s="4" t="s">
        <v>107</v>
      </c>
      <c r="H41" s="4" t="s">
        <v>108</v>
      </c>
      <c r="I41" s="4">
        <v>16</v>
      </c>
      <c r="J41" s="4">
        <v>10</v>
      </c>
      <c r="K41" s="4">
        <v>6</v>
      </c>
      <c r="L41" s="4">
        <v>6</v>
      </c>
      <c r="M41" s="4">
        <v>60</v>
      </c>
    </row>
    <row r="42" spans="2:13" hidden="1">
      <c r="B42" s="5" t="s">
        <v>104</v>
      </c>
      <c r="C42" s="5" t="s">
        <v>109</v>
      </c>
      <c r="D42" s="5" t="s">
        <v>76</v>
      </c>
      <c r="E42" s="5" t="s">
        <v>106</v>
      </c>
      <c r="F42" s="5">
        <v>32</v>
      </c>
      <c r="G42" s="5" t="s">
        <v>110</v>
      </c>
      <c r="H42" s="5" t="s">
        <v>108</v>
      </c>
      <c r="I42" s="5">
        <v>16</v>
      </c>
      <c r="J42" s="5">
        <v>10</v>
      </c>
      <c r="K42" s="5">
        <v>6</v>
      </c>
      <c r="L42" s="5">
        <v>6</v>
      </c>
      <c r="M42" s="5">
        <v>60</v>
      </c>
    </row>
    <row r="43" spans="2:13" hidden="1">
      <c r="B43" s="4" t="s">
        <v>104</v>
      </c>
      <c r="C43" s="4" t="s">
        <v>109</v>
      </c>
      <c r="D43" s="4" t="s">
        <v>76</v>
      </c>
      <c r="E43" s="4" t="s">
        <v>89</v>
      </c>
      <c r="F43" s="4">
        <v>32</v>
      </c>
      <c r="G43" s="4" t="s">
        <v>110</v>
      </c>
      <c r="H43" s="4" t="s">
        <v>108</v>
      </c>
      <c r="I43" s="4">
        <v>16</v>
      </c>
      <c r="J43" s="4">
        <v>10</v>
      </c>
      <c r="K43" s="4">
        <v>6</v>
      </c>
      <c r="L43" s="4">
        <v>6</v>
      </c>
      <c r="M43" s="4">
        <v>60</v>
      </c>
    </row>
    <row r="44" spans="2:13" hidden="1">
      <c r="B44" s="6" t="s">
        <v>104</v>
      </c>
      <c r="C44" s="6" t="s">
        <v>111</v>
      </c>
      <c r="D44" s="6" t="s">
        <v>76</v>
      </c>
      <c r="E44" s="6" t="s">
        <v>112</v>
      </c>
      <c r="F44" s="6">
        <v>35</v>
      </c>
      <c r="G44" s="6" t="s">
        <v>110</v>
      </c>
      <c r="H44" s="6" t="s">
        <v>108</v>
      </c>
      <c r="I44" s="6">
        <v>16</v>
      </c>
      <c r="J44" s="6">
        <v>10</v>
      </c>
      <c r="K44" s="6">
        <v>6</v>
      </c>
      <c r="L44" s="6">
        <v>6</v>
      </c>
      <c r="M44" s="6">
        <v>60</v>
      </c>
    </row>
    <row r="45" spans="2:13" hidden="1">
      <c r="B45" s="7" t="s">
        <v>104</v>
      </c>
      <c r="C45" s="7" t="s">
        <v>113</v>
      </c>
      <c r="D45" s="7" t="s">
        <v>76</v>
      </c>
      <c r="E45" s="7" t="s">
        <v>112</v>
      </c>
      <c r="F45" s="7">
        <v>35</v>
      </c>
      <c r="G45" s="7" t="s">
        <v>110</v>
      </c>
      <c r="H45" s="7" t="s">
        <v>108</v>
      </c>
      <c r="I45" s="7">
        <v>16</v>
      </c>
      <c r="J45" s="7">
        <v>10</v>
      </c>
      <c r="K45" s="7">
        <v>6</v>
      </c>
      <c r="L45" s="7">
        <v>6</v>
      </c>
      <c r="M45" s="7">
        <v>60</v>
      </c>
    </row>
    <row r="46" spans="2:13" hidden="1">
      <c r="B46" s="8" t="s">
        <v>104</v>
      </c>
      <c r="C46" s="8" t="s">
        <v>114</v>
      </c>
      <c r="D46" s="8" t="s">
        <v>76</v>
      </c>
      <c r="E46" s="8" t="s">
        <v>106</v>
      </c>
      <c r="F46" s="8">
        <v>32</v>
      </c>
      <c r="G46" s="8" t="s">
        <v>115</v>
      </c>
      <c r="H46" s="8" t="s">
        <v>116</v>
      </c>
      <c r="I46" s="8">
        <v>16</v>
      </c>
      <c r="J46" s="8">
        <v>10</v>
      </c>
      <c r="K46" s="8">
        <v>6</v>
      </c>
      <c r="L46" s="8">
        <v>6</v>
      </c>
      <c r="M46" s="8">
        <v>60</v>
      </c>
    </row>
    <row r="47" spans="2:13" hidden="1">
      <c r="B47" s="4" t="s">
        <v>104</v>
      </c>
      <c r="C47" s="4" t="s">
        <v>114</v>
      </c>
      <c r="D47" s="4" t="s">
        <v>76</v>
      </c>
      <c r="E47" s="4" t="s">
        <v>89</v>
      </c>
      <c r="F47" s="4">
        <v>32</v>
      </c>
      <c r="G47" s="4" t="s">
        <v>115</v>
      </c>
      <c r="H47" s="4" t="s">
        <v>116</v>
      </c>
      <c r="I47" s="4">
        <v>16</v>
      </c>
      <c r="J47" s="4">
        <v>10</v>
      </c>
      <c r="K47" s="4">
        <v>6</v>
      </c>
      <c r="L47" s="4">
        <v>6</v>
      </c>
      <c r="M47" s="4">
        <v>60</v>
      </c>
    </row>
    <row r="48" spans="2:13" hidden="1">
      <c r="B48" s="5" t="s">
        <v>104</v>
      </c>
      <c r="C48" s="5" t="s">
        <v>117</v>
      </c>
      <c r="D48" s="5" t="s">
        <v>76</v>
      </c>
      <c r="E48" s="5" t="s">
        <v>106</v>
      </c>
      <c r="F48" s="5">
        <v>32</v>
      </c>
      <c r="G48" s="5" t="s">
        <v>118</v>
      </c>
      <c r="H48" s="5" t="s">
        <v>107</v>
      </c>
      <c r="I48" s="5">
        <v>16</v>
      </c>
      <c r="J48" s="5">
        <v>10</v>
      </c>
      <c r="K48" s="5">
        <v>6</v>
      </c>
      <c r="L48" s="5">
        <v>6</v>
      </c>
      <c r="M48" s="5">
        <v>60</v>
      </c>
    </row>
    <row r="49" spans="2:13" hidden="1">
      <c r="B49" s="4" t="s">
        <v>104</v>
      </c>
      <c r="C49" s="4" t="s">
        <v>117</v>
      </c>
      <c r="D49" s="4" t="s">
        <v>76</v>
      </c>
      <c r="E49" s="4" t="s">
        <v>89</v>
      </c>
      <c r="F49" s="4">
        <v>32</v>
      </c>
      <c r="G49" s="4" t="s">
        <v>118</v>
      </c>
      <c r="H49" s="4" t="s">
        <v>107</v>
      </c>
      <c r="I49" s="4">
        <v>16</v>
      </c>
      <c r="J49" s="4">
        <v>10</v>
      </c>
      <c r="K49" s="4">
        <v>6</v>
      </c>
      <c r="L49" s="4">
        <v>6</v>
      </c>
      <c r="M49" s="4">
        <v>60</v>
      </c>
    </row>
    <row r="50" spans="2:13" hidden="1">
      <c r="B50" s="5" t="s">
        <v>104</v>
      </c>
      <c r="C50" s="5" t="s">
        <v>119</v>
      </c>
      <c r="D50" s="5" t="s">
        <v>76</v>
      </c>
      <c r="E50" s="5" t="s">
        <v>120</v>
      </c>
      <c r="F50" s="5">
        <v>48</v>
      </c>
      <c r="G50" s="5" t="s">
        <v>107</v>
      </c>
      <c r="H50" s="5" t="s">
        <v>108</v>
      </c>
      <c r="I50" s="5">
        <v>22</v>
      </c>
      <c r="J50" s="5">
        <v>12</v>
      </c>
      <c r="K50" s="5">
        <v>10</v>
      </c>
      <c r="L50" s="5">
        <v>10</v>
      </c>
      <c r="M50" s="5">
        <v>60</v>
      </c>
    </row>
    <row r="51" spans="2:13" hidden="1">
      <c r="B51" s="4" t="s">
        <v>104</v>
      </c>
      <c r="C51" s="4" t="s">
        <v>119</v>
      </c>
      <c r="D51" s="4" t="s">
        <v>76</v>
      </c>
      <c r="E51" s="4" t="s">
        <v>121</v>
      </c>
      <c r="F51" s="4">
        <v>48</v>
      </c>
      <c r="G51" s="4" t="s">
        <v>107</v>
      </c>
      <c r="H51" s="4" t="s">
        <v>108</v>
      </c>
      <c r="I51" s="4">
        <v>22</v>
      </c>
      <c r="J51" s="4">
        <v>12</v>
      </c>
      <c r="K51" s="4">
        <v>10</v>
      </c>
      <c r="L51" s="4">
        <v>10</v>
      </c>
      <c r="M51" s="4">
        <v>60</v>
      </c>
    </row>
    <row r="52" spans="2:13" hidden="1">
      <c r="B52" s="5" t="s">
        <v>104</v>
      </c>
      <c r="C52" s="5" t="s">
        <v>122</v>
      </c>
      <c r="D52" s="5" t="s">
        <v>76</v>
      </c>
      <c r="E52" s="5" t="s">
        <v>120</v>
      </c>
      <c r="F52" s="5">
        <v>48</v>
      </c>
      <c r="G52" s="5" t="s">
        <v>110</v>
      </c>
      <c r="H52" s="5" t="s">
        <v>108</v>
      </c>
      <c r="I52" s="5">
        <v>22</v>
      </c>
      <c r="J52" s="5">
        <v>12</v>
      </c>
      <c r="K52" s="5">
        <v>10</v>
      </c>
      <c r="L52" s="5">
        <v>10</v>
      </c>
      <c r="M52" s="5">
        <v>60</v>
      </c>
    </row>
    <row r="53" spans="2:13" hidden="1">
      <c r="B53" s="4" t="s">
        <v>104</v>
      </c>
      <c r="C53" s="4" t="s">
        <v>122</v>
      </c>
      <c r="D53" s="4" t="s">
        <v>76</v>
      </c>
      <c r="E53" s="4" t="s">
        <v>121</v>
      </c>
      <c r="F53" s="4">
        <v>48</v>
      </c>
      <c r="G53" s="4" t="s">
        <v>110</v>
      </c>
      <c r="H53" s="4" t="s">
        <v>108</v>
      </c>
      <c r="I53" s="4">
        <v>22</v>
      </c>
      <c r="J53" s="4">
        <v>12</v>
      </c>
      <c r="K53" s="4">
        <v>10</v>
      </c>
      <c r="L53" s="4">
        <v>10</v>
      </c>
      <c r="M53" s="4">
        <v>60</v>
      </c>
    </row>
    <row r="54" spans="2:13" hidden="1">
      <c r="B54" s="5" t="s">
        <v>104</v>
      </c>
      <c r="C54" s="5" t="s">
        <v>123</v>
      </c>
      <c r="D54" s="5" t="s">
        <v>76</v>
      </c>
      <c r="E54" s="5" t="s">
        <v>120</v>
      </c>
      <c r="F54" s="5">
        <v>48</v>
      </c>
      <c r="G54" s="5" t="s">
        <v>124</v>
      </c>
      <c r="H54" s="5" t="s">
        <v>125</v>
      </c>
      <c r="I54" s="5">
        <v>22</v>
      </c>
      <c r="J54" s="5">
        <v>12</v>
      </c>
      <c r="K54" s="5">
        <v>10</v>
      </c>
      <c r="L54" s="5">
        <v>10</v>
      </c>
      <c r="M54" s="5">
        <v>120</v>
      </c>
    </row>
    <row r="55" spans="2:13" hidden="1">
      <c r="B55" s="4" t="s">
        <v>104</v>
      </c>
      <c r="C55" s="4" t="s">
        <v>123</v>
      </c>
      <c r="D55" s="4" t="s">
        <v>76</v>
      </c>
      <c r="E55" s="4" t="s">
        <v>121</v>
      </c>
      <c r="F55" s="4">
        <v>48</v>
      </c>
      <c r="G55" s="4" t="s">
        <v>124</v>
      </c>
      <c r="H55" s="4" t="s">
        <v>125</v>
      </c>
      <c r="I55" s="4">
        <v>22</v>
      </c>
      <c r="J55" s="4">
        <v>12</v>
      </c>
      <c r="K55" s="4">
        <v>10</v>
      </c>
      <c r="L55" s="4">
        <v>10</v>
      </c>
      <c r="M55" s="4">
        <v>120</v>
      </c>
    </row>
    <row r="56" spans="2:13" hidden="1">
      <c r="B56" s="5" t="s">
        <v>104</v>
      </c>
      <c r="C56" s="5" t="s">
        <v>126</v>
      </c>
      <c r="D56" s="5" t="s">
        <v>76</v>
      </c>
      <c r="E56" s="5" t="s">
        <v>120</v>
      </c>
      <c r="F56" s="5">
        <v>48</v>
      </c>
      <c r="G56" s="5" t="s">
        <v>127</v>
      </c>
      <c r="H56" s="5" t="s">
        <v>125</v>
      </c>
      <c r="I56" s="5">
        <v>22</v>
      </c>
      <c r="J56" s="5">
        <v>12</v>
      </c>
      <c r="K56" s="5">
        <v>10</v>
      </c>
      <c r="L56" s="5">
        <v>10</v>
      </c>
      <c r="M56" s="5">
        <v>120</v>
      </c>
    </row>
    <row r="57" spans="2:13" hidden="1">
      <c r="B57" s="4" t="s">
        <v>104</v>
      </c>
      <c r="C57" s="4" t="s">
        <v>126</v>
      </c>
      <c r="D57" s="4" t="s">
        <v>76</v>
      </c>
      <c r="E57" s="4" t="s">
        <v>121</v>
      </c>
      <c r="F57" s="4">
        <v>48</v>
      </c>
      <c r="G57" s="4" t="s">
        <v>127</v>
      </c>
      <c r="H57" s="4" t="s">
        <v>125</v>
      </c>
      <c r="I57" s="4">
        <v>22</v>
      </c>
      <c r="J57" s="4">
        <v>12</v>
      </c>
      <c r="K57" s="4">
        <v>10</v>
      </c>
      <c r="L57" s="4">
        <v>10</v>
      </c>
      <c r="M57" s="4">
        <v>120</v>
      </c>
    </row>
    <row r="58" spans="2:13" hidden="1">
      <c r="B58" s="5" t="s">
        <v>104</v>
      </c>
      <c r="C58" s="5" t="s">
        <v>128</v>
      </c>
      <c r="D58" s="5" t="s">
        <v>76</v>
      </c>
      <c r="E58" s="5" t="s">
        <v>120</v>
      </c>
      <c r="F58" s="5">
        <v>48</v>
      </c>
      <c r="G58" s="5" t="s">
        <v>115</v>
      </c>
      <c r="H58" s="5" t="s">
        <v>116</v>
      </c>
      <c r="I58" s="5">
        <v>22</v>
      </c>
      <c r="J58" s="5">
        <v>12</v>
      </c>
      <c r="K58" s="5">
        <v>10</v>
      </c>
      <c r="L58" s="5">
        <v>10</v>
      </c>
      <c r="M58" s="5">
        <v>120</v>
      </c>
    </row>
    <row r="59" spans="2:13" hidden="1">
      <c r="B59" s="4" t="s">
        <v>104</v>
      </c>
      <c r="C59" s="4" t="s">
        <v>128</v>
      </c>
      <c r="D59" s="4" t="s">
        <v>76</v>
      </c>
      <c r="E59" s="4" t="s">
        <v>121</v>
      </c>
      <c r="F59" s="4">
        <v>48</v>
      </c>
      <c r="G59" s="4" t="s">
        <v>115</v>
      </c>
      <c r="H59" s="4" t="s">
        <v>116</v>
      </c>
      <c r="I59" s="4">
        <v>22</v>
      </c>
      <c r="J59" s="4">
        <v>12</v>
      </c>
      <c r="K59" s="4">
        <v>10</v>
      </c>
      <c r="L59" s="4">
        <v>10</v>
      </c>
      <c r="M59" s="4">
        <v>120</v>
      </c>
    </row>
    <row r="60" spans="2:13" hidden="1">
      <c r="B60" s="5" t="s">
        <v>104</v>
      </c>
      <c r="C60" s="5" t="s">
        <v>129</v>
      </c>
      <c r="D60" s="5" t="s">
        <v>76</v>
      </c>
      <c r="E60" s="5" t="s">
        <v>130</v>
      </c>
      <c r="F60" s="5">
        <v>45</v>
      </c>
      <c r="G60" s="5" t="s">
        <v>115</v>
      </c>
      <c r="H60" s="5" t="s">
        <v>116</v>
      </c>
      <c r="I60" s="5">
        <v>22</v>
      </c>
      <c r="J60" s="5">
        <v>12</v>
      </c>
      <c r="K60" s="5">
        <v>10</v>
      </c>
      <c r="L60" s="5">
        <v>10</v>
      </c>
      <c r="M60" s="5">
        <v>120</v>
      </c>
    </row>
    <row r="61" spans="2:13" hidden="1">
      <c r="B61" s="3" t="s">
        <v>104</v>
      </c>
      <c r="C61" s="3" t="s">
        <v>131</v>
      </c>
      <c r="D61" s="3" t="s">
        <v>76</v>
      </c>
      <c r="E61" s="3" t="s">
        <v>120</v>
      </c>
      <c r="F61" s="3">
        <v>48</v>
      </c>
      <c r="G61" s="3" t="s">
        <v>118</v>
      </c>
      <c r="H61" s="3" t="s">
        <v>107</v>
      </c>
      <c r="I61" s="3">
        <v>22</v>
      </c>
      <c r="J61" s="3">
        <v>12</v>
      </c>
      <c r="K61" s="3">
        <v>10</v>
      </c>
      <c r="L61" s="3">
        <v>10</v>
      </c>
      <c r="M61" s="3">
        <v>120</v>
      </c>
    </row>
    <row r="62" spans="2:13" hidden="1">
      <c r="B62" s="5" t="s">
        <v>104</v>
      </c>
      <c r="C62" s="5" t="s">
        <v>131</v>
      </c>
      <c r="D62" s="5" t="s">
        <v>76</v>
      </c>
      <c r="E62" s="5" t="s">
        <v>121</v>
      </c>
      <c r="F62" s="5">
        <v>48</v>
      </c>
      <c r="G62" s="5" t="s">
        <v>118</v>
      </c>
      <c r="H62" s="5" t="s">
        <v>107</v>
      </c>
      <c r="I62" s="5">
        <v>22</v>
      </c>
      <c r="J62" s="5">
        <v>12</v>
      </c>
      <c r="K62" s="5">
        <v>10</v>
      </c>
      <c r="L62" s="5">
        <v>10</v>
      </c>
      <c r="M62" s="5">
        <v>120</v>
      </c>
    </row>
    <row r="63" spans="2:13" hidden="1">
      <c r="B63" s="4" t="s">
        <v>104</v>
      </c>
      <c r="C63" s="4" t="s">
        <v>132</v>
      </c>
      <c r="D63" s="4" t="s">
        <v>76</v>
      </c>
      <c r="E63" s="4" t="s">
        <v>130</v>
      </c>
      <c r="F63" s="4">
        <v>45</v>
      </c>
      <c r="G63" s="4" t="s">
        <v>118</v>
      </c>
      <c r="H63" s="4" t="s">
        <v>107</v>
      </c>
      <c r="I63" s="4">
        <v>22</v>
      </c>
      <c r="J63" s="4">
        <v>12</v>
      </c>
      <c r="K63" s="4">
        <v>10</v>
      </c>
      <c r="L63" s="4">
        <v>10</v>
      </c>
      <c r="M63" s="4">
        <v>120</v>
      </c>
    </row>
    <row r="64" spans="2:13" hidden="1">
      <c r="B64" s="5" t="s">
        <v>104</v>
      </c>
      <c r="C64" s="5" t="s">
        <v>133</v>
      </c>
      <c r="D64" s="5" t="s">
        <v>76</v>
      </c>
      <c r="E64" s="5" t="s">
        <v>134</v>
      </c>
      <c r="F64" s="5">
        <v>64</v>
      </c>
      <c r="G64" s="5" t="s">
        <v>107</v>
      </c>
      <c r="H64" s="5" t="s">
        <v>108</v>
      </c>
      <c r="I64" s="5">
        <v>32</v>
      </c>
      <c r="J64" s="5">
        <v>16</v>
      </c>
      <c r="K64" s="5">
        <v>16</v>
      </c>
      <c r="L64" s="5">
        <v>16</v>
      </c>
      <c r="M64" s="5">
        <v>60</v>
      </c>
    </row>
    <row r="65" spans="2:13" hidden="1">
      <c r="B65" s="4" t="s">
        <v>104</v>
      </c>
      <c r="C65" s="4" t="s">
        <v>133</v>
      </c>
      <c r="D65" s="4" t="s">
        <v>76</v>
      </c>
      <c r="E65" s="4" t="s">
        <v>135</v>
      </c>
      <c r="F65" s="4">
        <v>64</v>
      </c>
      <c r="G65" s="4" t="s">
        <v>107</v>
      </c>
      <c r="H65" s="4" t="s">
        <v>108</v>
      </c>
      <c r="I65" s="4">
        <v>32</v>
      </c>
      <c r="J65" s="4">
        <v>16</v>
      </c>
      <c r="K65" s="4">
        <v>16</v>
      </c>
      <c r="L65" s="4">
        <v>16</v>
      </c>
      <c r="M65" s="4">
        <v>60</v>
      </c>
    </row>
    <row r="66" spans="2:13" hidden="1">
      <c r="B66" s="5" t="s">
        <v>104</v>
      </c>
      <c r="C66" s="5" t="s">
        <v>136</v>
      </c>
      <c r="D66" s="5" t="s">
        <v>76</v>
      </c>
      <c r="E66" s="5" t="s">
        <v>134</v>
      </c>
      <c r="F66" s="5">
        <v>64</v>
      </c>
      <c r="G66" s="5" t="s">
        <v>110</v>
      </c>
      <c r="H66" s="5" t="s">
        <v>108</v>
      </c>
      <c r="I66" s="5">
        <v>32</v>
      </c>
      <c r="J66" s="5">
        <v>16</v>
      </c>
      <c r="K66" s="5">
        <v>16</v>
      </c>
      <c r="L66" s="5">
        <v>16</v>
      </c>
      <c r="M66" s="5">
        <v>60</v>
      </c>
    </row>
    <row r="67" spans="2:13" hidden="1">
      <c r="B67" s="4" t="s">
        <v>104</v>
      </c>
      <c r="C67" s="4" t="s">
        <v>136</v>
      </c>
      <c r="D67" s="4" t="s">
        <v>76</v>
      </c>
      <c r="E67" s="4" t="s">
        <v>135</v>
      </c>
      <c r="F67" s="4">
        <v>64</v>
      </c>
      <c r="G67" s="4" t="s">
        <v>110</v>
      </c>
      <c r="H67" s="4" t="s">
        <v>108</v>
      </c>
      <c r="I67" s="4">
        <v>32</v>
      </c>
      <c r="J67" s="4">
        <v>16</v>
      </c>
      <c r="K67" s="4">
        <v>16</v>
      </c>
      <c r="L67" s="4">
        <v>16</v>
      </c>
      <c r="M67" s="4">
        <v>60</v>
      </c>
    </row>
    <row r="68" spans="2:13" hidden="1">
      <c r="B68" s="5" t="s">
        <v>104</v>
      </c>
      <c r="C68" s="5" t="s">
        <v>137</v>
      </c>
      <c r="D68" s="5" t="s">
        <v>76</v>
      </c>
      <c r="E68" s="5" t="s">
        <v>134</v>
      </c>
      <c r="F68" s="5">
        <v>64</v>
      </c>
      <c r="G68" s="5" t="s">
        <v>124</v>
      </c>
      <c r="H68" s="5" t="s">
        <v>125</v>
      </c>
      <c r="I68" s="5">
        <v>32</v>
      </c>
      <c r="J68" s="5">
        <v>16</v>
      </c>
      <c r="K68" s="5">
        <v>16</v>
      </c>
      <c r="L68" s="5">
        <v>16</v>
      </c>
      <c r="M68" s="5">
        <v>130</v>
      </c>
    </row>
    <row r="69" spans="2:13" hidden="1">
      <c r="B69" s="4" t="s">
        <v>104</v>
      </c>
      <c r="C69" s="4" t="s">
        <v>137</v>
      </c>
      <c r="D69" s="4" t="s">
        <v>76</v>
      </c>
      <c r="E69" s="4" t="s">
        <v>138</v>
      </c>
      <c r="F69" s="4">
        <v>64</v>
      </c>
      <c r="G69" s="4" t="s">
        <v>124</v>
      </c>
      <c r="H69" s="4" t="s">
        <v>125</v>
      </c>
      <c r="I69" s="4">
        <v>32</v>
      </c>
      <c r="J69" s="4">
        <v>16</v>
      </c>
      <c r="K69" s="4">
        <v>16</v>
      </c>
      <c r="L69" s="4">
        <v>16</v>
      </c>
      <c r="M69" s="4">
        <v>130</v>
      </c>
    </row>
    <row r="70" spans="2:13" hidden="1">
      <c r="B70" s="6" t="s">
        <v>104</v>
      </c>
      <c r="C70" s="6" t="s">
        <v>137</v>
      </c>
      <c r="D70" s="6" t="s">
        <v>76</v>
      </c>
      <c r="E70" s="6" t="s">
        <v>135</v>
      </c>
      <c r="F70" s="6">
        <v>64</v>
      </c>
      <c r="G70" s="6" t="s">
        <v>124</v>
      </c>
      <c r="H70" s="6" t="s">
        <v>125</v>
      </c>
      <c r="I70" s="6">
        <v>32</v>
      </c>
      <c r="J70" s="6">
        <v>16</v>
      </c>
      <c r="K70" s="6">
        <v>16</v>
      </c>
      <c r="L70" s="6">
        <v>16</v>
      </c>
      <c r="M70" s="6">
        <v>130</v>
      </c>
    </row>
    <row r="71" spans="2:13" hidden="1">
      <c r="B71" s="7" t="s">
        <v>104</v>
      </c>
      <c r="C71" s="7" t="s">
        <v>139</v>
      </c>
      <c r="D71" s="7" t="s">
        <v>76</v>
      </c>
      <c r="E71" s="7" t="s">
        <v>134</v>
      </c>
      <c r="F71" s="7">
        <v>64</v>
      </c>
      <c r="G71" s="7" t="s">
        <v>127</v>
      </c>
      <c r="H71" s="7" t="s">
        <v>125</v>
      </c>
      <c r="I71" s="7">
        <v>32</v>
      </c>
      <c r="J71" s="7">
        <v>16</v>
      </c>
      <c r="K71" s="7">
        <v>16</v>
      </c>
      <c r="L71" s="7">
        <v>16</v>
      </c>
      <c r="M71" s="7">
        <v>130</v>
      </c>
    </row>
    <row r="72" spans="2:13" hidden="1">
      <c r="B72" s="8" t="s">
        <v>104</v>
      </c>
      <c r="C72" s="8" t="s">
        <v>139</v>
      </c>
      <c r="D72" s="8" t="s">
        <v>76</v>
      </c>
      <c r="E72" s="8" t="s">
        <v>135</v>
      </c>
      <c r="F72" s="8">
        <v>64</v>
      </c>
      <c r="G72" s="8" t="s">
        <v>127</v>
      </c>
      <c r="H72" s="8" t="s">
        <v>125</v>
      </c>
      <c r="I72" s="8">
        <v>32</v>
      </c>
      <c r="J72" s="8">
        <v>16</v>
      </c>
      <c r="K72" s="8">
        <v>16</v>
      </c>
      <c r="L72" s="8">
        <v>16</v>
      </c>
      <c r="M72" s="8">
        <v>130</v>
      </c>
    </row>
    <row r="73" spans="2:13" hidden="1">
      <c r="B73" s="4" t="s">
        <v>104</v>
      </c>
      <c r="C73" s="4" t="s">
        <v>140</v>
      </c>
      <c r="D73" s="4" t="s">
        <v>76</v>
      </c>
      <c r="E73" s="4" t="s">
        <v>134</v>
      </c>
      <c r="F73" s="4">
        <v>64</v>
      </c>
      <c r="G73" s="4" t="s">
        <v>115</v>
      </c>
      <c r="H73" s="4" t="s">
        <v>116</v>
      </c>
      <c r="I73" s="4">
        <v>32</v>
      </c>
      <c r="J73" s="4">
        <v>16</v>
      </c>
      <c r="K73" s="4">
        <v>16</v>
      </c>
      <c r="L73" s="4">
        <v>16</v>
      </c>
      <c r="M73" s="4">
        <v>256</v>
      </c>
    </row>
    <row r="74" spans="2:13" hidden="1">
      <c r="B74" s="5" t="s">
        <v>104</v>
      </c>
      <c r="C74" s="5" t="s">
        <v>140</v>
      </c>
      <c r="D74" s="5" t="s">
        <v>76</v>
      </c>
      <c r="E74" s="5" t="s">
        <v>138</v>
      </c>
      <c r="F74" s="5">
        <v>64</v>
      </c>
      <c r="G74" s="5" t="s">
        <v>115</v>
      </c>
      <c r="H74" s="5" t="s">
        <v>116</v>
      </c>
      <c r="I74" s="5">
        <v>32</v>
      </c>
      <c r="J74" s="5">
        <v>16</v>
      </c>
      <c r="K74" s="5">
        <v>16</v>
      </c>
      <c r="L74" s="5">
        <v>16</v>
      </c>
      <c r="M74" s="5">
        <v>256</v>
      </c>
    </row>
    <row r="75" spans="2:13" hidden="1">
      <c r="B75" s="4" t="s">
        <v>104</v>
      </c>
      <c r="C75" s="4" t="s">
        <v>140</v>
      </c>
      <c r="D75" s="4" t="s">
        <v>76</v>
      </c>
      <c r="E75" s="4" t="s">
        <v>135</v>
      </c>
      <c r="F75" s="4">
        <v>64</v>
      </c>
      <c r="G75" s="4" t="s">
        <v>115</v>
      </c>
      <c r="H75" s="4" t="s">
        <v>116</v>
      </c>
      <c r="I75" s="4">
        <v>32</v>
      </c>
      <c r="J75" s="4">
        <v>16</v>
      </c>
      <c r="K75" s="4">
        <v>16</v>
      </c>
      <c r="L75" s="4">
        <v>16</v>
      </c>
      <c r="M75" s="4">
        <v>256</v>
      </c>
    </row>
    <row r="76" spans="2:13" hidden="1">
      <c r="B76" s="5" t="s">
        <v>104</v>
      </c>
      <c r="C76" s="5" t="s">
        <v>141</v>
      </c>
      <c r="D76" s="5" t="s">
        <v>76</v>
      </c>
      <c r="E76" s="5" t="s">
        <v>134</v>
      </c>
      <c r="F76" s="5">
        <v>64</v>
      </c>
      <c r="G76" s="5" t="s">
        <v>118</v>
      </c>
      <c r="H76" s="5" t="s">
        <v>107</v>
      </c>
      <c r="I76" s="5">
        <v>32</v>
      </c>
      <c r="J76" s="5">
        <v>16</v>
      </c>
      <c r="K76" s="5">
        <v>16</v>
      </c>
      <c r="L76" s="5">
        <v>16</v>
      </c>
      <c r="M76" s="5">
        <v>256</v>
      </c>
    </row>
    <row r="77" spans="2:13" hidden="1">
      <c r="B77" s="4" t="s">
        <v>104</v>
      </c>
      <c r="C77" s="4" t="s">
        <v>141</v>
      </c>
      <c r="D77" s="4" t="s">
        <v>76</v>
      </c>
      <c r="E77" s="4" t="s">
        <v>138</v>
      </c>
      <c r="F77" s="4">
        <v>64</v>
      </c>
      <c r="G77" s="4" t="s">
        <v>118</v>
      </c>
      <c r="H77" s="4" t="s">
        <v>107</v>
      </c>
      <c r="I77" s="4">
        <v>32</v>
      </c>
      <c r="J77" s="4">
        <v>16</v>
      </c>
      <c r="K77" s="4">
        <v>16</v>
      </c>
      <c r="L77" s="4">
        <v>16</v>
      </c>
      <c r="M77" s="4">
        <v>256</v>
      </c>
    </row>
    <row r="78" spans="2:13" hidden="1">
      <c r="B78" s="5" t="s">
        <v>104</v>
      </c>
      <c r="C78" s="5" t="s">
        <v>141</v>
      </c>
      <c r="D78" s="5" t="s">
        <v>76</v>
      </c>
      <c r="E78" s="5" t="s">
        <v>135</v>
      </c>
      <c r="F78" s="5">
        <v>64</v>
      </c>
      <c r="G78" s="5" t="s">
        <v>118</v>
      </c>
      <c r="H78" s="5" t="s">
        <v>107</v>
      </c>
      <c r="I78" s="5">
        <v>32</v>
      </c>
      <c r="J78" s="5">
        <v>16</v>
      </c>
      <c r="K78" s="5">
        <v>16</v>
      </c>
      <c r="L78" s="5">
        <v>16</v>
      </c>
      <c r="M78" s="5">
        <v>256</v>
      </c>
    </row>
    <row r="79" spans="2:13">
      <c r="B79" s="4" t="s">
        <v>142</v>
      </c>
      <c r="C79" s="4" t="s">
        <v>143</v>
      </c>
      <c r="D79" s="4" t="s">
        <v>76</v>
      </c>
      <c r="E79" s="4" t="s">
        <v>106</v>
      </c>
      <c r="F79" s="4">
        <v>32</v>
      </c>
      <c r="G79" s="4" t="s">
        <v>144</v>
      </c>
      <c r="H79" s="4" t="s">
        <v>108</v>
      </c>
      <c r="I79" s="4">
        <v>16</v>
      </c>
      <c r="J79" s="4">
        <v>10</v>
      </c>
      <c r="K79" s="4">
        <v>6</v>
      </c>
      <c r="L79" s="4">
        <v>6</v>
      </c>
      <c r="M79" s="4">
        <v>60</v>
      </c>
    </row>
    <row r="80" spans="2:13">
      <c r="B80" s="5" t="s">
        <v>142</v>
      </c>
      <c r="C80" s="5" t="s">
        <v>143</v>
      </c>
      <c r="D80" s="5" t="s">
        <v>76</v>
      </c>
      <c r="E80" s="5" t="s">
        <v>89</v>
      </c>
      <c r="F80" s="5">
        <v>32</v>
      </c>
      <c r="G80" s="5" t="s">
        <v>144</v>
      </c>
      <c r="H80" s="5" t="s">
        <v>108</v>
      </c>
      <c r="I80" s="5">
        <v>16</v>
      </c>
      <c r="J80" s="5">
        <v>10</v>
      </c>
      <c r="K80" s="5">
        <v>6</v>
      </c>
      <c r="L80" s="5">
        <v>6</v>
      </c>
      <c r="M80" s="5">
        <v>60</v>
      </c>
    </row>
    <row r="81" spans="2:13">
      <c r="B81" s="4" t="s">
        <v>142</v>
      </c>
      <c r="C81" s="4" t="s">
        <v>145</v>
      </c>
      <c r="D81" s="4" t="s">
        <v>76</v>
      </c>
      <c r="E81" s="4" t="s">
        <v>106</v>
      </c>
      <c r="F81" s="4">
        <v>32</v>
      </c>
      <c r="G81" s="4" t="s">
        <v>110</v>
      </c>
      <c r="H81" s="4" t="s">
        <v>108</v>
      </c>
      <c r="I81" s="4">
        <v>16</v>
      </c>
      <c r="J81" s="4">
        <v>10</v>
      </c>
      <c r="K81" s="4">
        <v>6</v>
      </c>
      <c r="L81" s="4">
        <v>6</v>
      </c>
      <c r="M81" s="4">
        <v>60</v>
      </c>
    </row>
    <row r="82" spans="2:13">
      <c r="B82" s="5" t="s">
        <v>142</v>
      </c>
      <c r="C82" s="5" t="s">
        <v>145</v>
      </c>
      <c r="D82" s="5" t="s">
        <v>76</v>
      </c>
      <c r="E82" s="5" t="s">
        <v>89</v>
      </c>
      <c r="F82" s="5">
        <v>32</v>
      </c>
      <c r="G82" s="5" t="s">
        <v>110</v>
      </c>
      <c r="H82" s="5" t="s">
        <v>108</v>
      </c>
      <c r="I82" s="5">
        <v>16</v>
      </c>
      <c r="J82" s="5">
        <v>10</v>
      </c>
      <c r="K82" s="5">
        <v>6</v>
      </c>
      <c r="L82" s="5">
        <v>6</v>
      </c>
      <c r="M82" s="5">
        <v>60</v>
      </c>
    </row>
    <row r="83" spans="2:13">
      <c r="B83" s="4" t="s">
        <v>142</v>
      </c>
      <c r="C83" s="4" t="s">
        <v>146</v>
      </c>
      <c r="D83" s="4" t="s">
        <v>76</v>
      </c>
      <c r="E83" s="4" t="s">
        <v>106</v>
      </c>
      <c r="F83" s="4">
        <v>32</v>
      </c>
      <c r="G83" s="4" t="s">
        <v>127</v>
      </c>
      <c r="H83" s="4" t="s">
        <v>125</v>
      </c>
      <c r="I83" s="4">
        <v>16</v>
      </c>
      <c r="J83" s="4">
        <v>10</v>
      </c>
      <c r="K83" s="4">
        <v>6</v>
      </c>
      <c r="L83" s="4">
        <v>6</v>
      </c>
      <c r="M83" s="4">
        <v>60</v>
      </c>
    </row>
    <row r="84" spans="2:13">
      <c r="B84" s="5" t="s">
        <v>142</v>
      </c>
      <c r="C84" s="5" t="s">
        <v>146</v>
      </c>
      <c r="D84" s="5" t="s">
        <v>76</v>
      </c>
      <c r="E84" s="5" t="s">
        <v>89</v>
      </c>
      <c r="F84" s="5">
        <v>32</v>
      </c>
      <c r="G84" s="5" t="s">
        <v>127</v>
      </c>
      <c r="H84" s="5" t="s">
        <v>125</v>
      </c>
      <c r="I84" s="5">
        <v>16</v>
      </c>
      <c r="J84" s="5">
        <v>10</v>
      </c>
      <c r="K84" s="5">
        <v>6</v>
      </c>
      <c r="L84" s="5">
        <v>6</v>
      </c>
      <c r="M84" s="5">
        <v>60</v>
      </c>
    </row>
    <row r="85" spans="2:13">
      <c r="B85" s="4" t="s">
        <v>142</v>
      </c>
      <c r="C85" s="4" t="s">
        <v>147</v>
      </c>
      <c r="D85" s="4" t="s">
        <v>76</v>
      </c>
      <c r="E85" s="4" t="s">
        <v>120</v>
      </c>
      <c r="F85" s="4">
        <v>48</v>
      </c>
      <c r="G85" s="4" t="s">
        <v>144</v>
      </c>
      <c r="H85" s="4" t="s">
        <v>108</v>
      </c>
      <c r="I85" s="4">
        <v>22</v>
      </c>
      <c r="J85" s="4">
        <v>12</v>
      </c>
      <c r="K85" s="4">
        <v>10</v>
      </c>
      <c r="L85" s="4">
        <v>10</v>
      </c>
      <c r="M85" s="4">
        <v>60</v>
      </c>
    </row>
    <row r="86" spans="2:13">
      <c r="B86" s="5" t="s">
        <v>142</v>
      </c>
      <c r="C86" s="5" t="s">
        <v>147</v>
      </c>
      <c r="D86" s="5" t="s">
        <v>76</v>
      </c>
      <c r="E86" s="5" t="s">
        <v>121</v>
      </c>
      <c r="F86" s="5">
        <v>48</v>
      </c>
      <c r="G86" s="5" t="s">
        <v>144</v>
      </c>
      <c r="H86" s="5" t="s">
        <v>108</v>
      </c>
      <c r="I86" s="5">
        <v>22</v>
      </c>
      <c r="J86" s="5">
        <v>12</v>
      </c>
      <c r="K86" s="5">
        <v>10</v>
      </c>
      <c r="L86" s="5">
        <v>10</v>
      </c>
      <c r="M86" s="5">
        <v>60</v>
      </c>
    </row>
    <row r="87" spans="2:13">
      <c r="B87" s="3" t="s">
        <v>142</v>
      </c>
      <c r="C87" s="3" t="s">
        <v>148</v>
      </c>
      <c r="D87" s="3" t="s">
        <v>76</v>
      </c>
      <c r="E87" s="3" t="s">
        <v>120</v>
      </c>
      <c r="F87" s="3">
        <v>48</v>
      </c>
      <c r="G87" s="3" t="s">
        <v>110</v>
      </c>
      <c r="H87" s="3" t="s">
        <v>108</v>
      </c>
      <c r="I87" s="3">
        <v>22</v>
      </c>
      <c r="J87" s="3">
        <v>12</v>
      </c>
      <c r="K87" s="3">
        <v>10</v>
      </c>
      <c r="L87" s="3">
        <v>10</v>
      </c>
      <c r="M87" s="3">
        <v>60</v>
      </c>
    </row>
    <row r="88" spans="2:13">
      <c r="B88" s="5" t="s">
        <v>142</v>
      </c>
      <c r="C88" s="5" t="s">
        <v>148</v>
      </c>
      <c r="D88" s="5" t="s">
        <v>76</v>
      </c>
      <c r="E88" s="5" t="s">
        <v>121</v>
      </c>
      <c r="F88" s="5">
        <v>48</v>
      </c>
      <c r="G88" s="5" t="s">
        <v>110</v>
      </c>
      <c r="H88" s="5" t="s">
        <v>108</v>
      </c>
      <c r="I88" s="5">
        <v>22</v>
      </c>
      <c r="J88" s="5">
        <v>12</v>
      </c>
      <c r="K88" s="5">
        <v>10</v>
      </c>
      <c r="L88" s="5">
        <v>10</v>
      </c>
      <c r="M88" s="5">
        <v>60</v>
      </c>
    </row>
    <row r="89" spans="2:13">
      <c r="B89" s="4" t="s">
        <v>142</v>
      </c>
      <c r="C89" s="4" t="s">
        <v>149</v>
      </c>
      <c r="D89" s="4" t="s">
        <v>76</v>
      </c>
      <c r="E89" s="4" t="s">
        <v>120</v>
      </c>
      <c r="F89" s="4">
        <v>48</v>
      </c>
      <c r="G89" s="4" t="s">
        <v>127</v>
      </c>
      <c r="H89" s="4" t="s">
        <v>125</v>
      </c>
      <c r="I89" s="4">
        <v>22</v>
      </c>
      <c r="J89" s="4">
        <v>12</v>
      </c>
      <c r="K89" s="4">
        <v>10</v>
      </c>
      <c r="L89" s="4">
        <v>10</v>
      </c>
      <c r="M89" s="4">
        <v>120</v>
      </c>
    </row>
    <row r="90" spans="2:13">
      <c r="B90" s="5" t="s">
        <v>142</v>
      </c>
      <c r="C90" s="5" t="s">
        <v>149</v>
      </c>
      <c r="D90" s="5" t="s">
        <v>76</v>
      </c>
      <c r="E90" s="5" t="s">
        <v>121</v>
      </c>
      <c r="F90" s="5">
        <v>48</v>
      </c>
      <c r="G90" s="5" t="s">
        <v>127</v>
      </c>
      <c r="H90" s="5" t="s">
        <v>125</v>
      </c>
      <c r="I90" s="5">
        <v>22</v>
      </c>
      <c r="J90" s="5">
        <v>12</v>
      </c>
      <c r="K90" s="5">
        <v>10</v>
      </c>
      <c r="L90" s="5">
        <v>10</v>
      </c>
      <c r="M90" s="5">
        <v>120</v>
      </c>
    </row>
    <row r="91" spans="2:13">
      <c r="B91" s="4" t="s">
        <v>142</v>
      </c>
      <c r="C91" s="4" t="s">
        <v>150</v>
      </c>
      <c r="D91" s="4" t="s">
        <v>76</v>
      </c>
      <c r="E91" s="4" t="s">
        <v>134</v>
      </c>
      <c r="F91" s="4">
        <v>64</v>
      </c>
      <c r="G91" s="4" t="s">
        <v>144</v>
      </c>
      <c r="H91" s="4" t="s">
        <v>108</v>
      </c>
      <c r="I91" s="4">
        <v>32</v>
      </c>
      <c r="J91" s="4">
        <v>16</v>
      </c>
      <c r="K91" s="4">
        <v>16</v>
      </c>
      <c r="L91" s="4">
        <v>16</v>
      </c>
      <c r="M91" s="4">
        <v>60</v>
      </c>
    </row>
    <row r="92" spans="2:13">
      <c r="B92" s="5" t="s">
        <v>142</v>
      </c>
      <c r="C92" s="5" t="s">
        <v>150</v>
      </c>
      <c r="D92" s="5" t="s">
        <v>76</v>
      </c>
      <c r="E92" s="5" t="s">
        <v>135</v>
      </c>
      <c r="F92" s="5">
        <v>64</v>
      </c>
      <c r="G92" s="5" t="s">
        <v>144</v>
      </c>
      <c r="H92" s="5" t="s">
        <v>108</v>
      </c>
      <c r="I92" s="5">
        <v>32</v>
      </c>
      <c r="J92" s="5">
        <v>16</v>
      </c>
      <c r="K92" s="5">
        <v>16</v>
      </c>
      <c r="L92" s="5">
        <v>16</v>
      </c>
      <c r="M92" s="5">
        <v>60</v>
      </c>
    </row>
    <row r="93" spans="2:13">
      <c r="B93" s="4" t="s">
        <v>142</v>
      </c>
      <c r="C93" s="4" t="s">
        <v>151</v>
      </c>
      <c r="D93" s="4" t="s">
        <v>76</v>
      </c>
      <c r="E93" s="4" t="s">
        <v>134</v>
      </c>
      <c r="F93" s="4">
        <v>64</v>
      </c>
      <c r="G93" s="4" t="s">
        <v>110</v>
      </c>
      <c r="H93" s="4" t="s">
        <v>108</v>
      </c>
      <c r="I93" s="4">
        <v>32</v>
      </c>
      <c r="J93" s="4">
        <v>16</v>
      </c>
      <c r="K93" s="4">
        <v>16</v>
      </c>
      <c r="L93" s="4">
        <v>16</v>
      </c>
      <c r="M93" s="4">
        <v>60</v>
      </c>
    </row>
    <row r="94" spans="2:13">
      <c r="B94" s="5" t="s">
        <v>142</v>
      </c>
      <c r="C94" s="5" t="s">
        <v>151</v>
      </c>
      <c r="D94" s="5" t="s">
        <v>76</v>
      </c>
      <c r="E94" s="5" t="s">
        <v>135</v>
      </c>
      <c r="F94" s="5">
        <v>64</v>
      </c>
      <c r="G94" s="5" t="s">
        <v>110</v>
      </c>
      <c r="H94" s="5" t="s">
        <v>108</v>
      </c>
      <c r="I94" s="5">
        <v>32</v>
      </c>
      <c r="J94" s="5">
        <v>16</v>
      </c>
      <c r="K94" s="5">
        <v>16</v>
      </c>
      <c r="L94" s="5">
        <v>16</v>
      </c>
      <c r="M94" s="5">
        <v>60</v>
      </c>
    </row>
    <row r="95" spans="2:13">
      <c r="B95" s="4" t="s">
        <v>142</v>
      </c>
      <c r="C95" s="4" t="s">
        <v>152</v>
      </c>
      <c r="D95" s="4" t="s">
        <v>76</v>
      </c>
      <c r="E95" s="4" t="s">
        <v>134</v>
      </c>
      <c r="F95" s="4">
        <v>64</v>
      </c>
      <c r="G95" s="4" t="s">
        <v>127</v>
      </c>
      <c r="H95" s="4" t="s">
        <v>125</v>
      </c>
      <c r="I95" s="4">
        <v>32</v>
      </c>
      <c r="J95" s="4">
        <v>16</v>
      </c>
      <c r="K95" s="4">
        <v>16</v>
      </c>
      <c r="L95" s="4">
        <v>16</v>
      </c>
      <c r="M95" s="4">
        <v>130</v>
      </c>
    </row>
    <row r="96" spans="2:13">
      <c r="B96" s="6" t="s">
        <v>142</v>
      </c>
      <c r="C96" s="6" t="s">
        <v>152</v>
      </c>
      <c r="D96" s="6" t="s">
        <v>76</v>
      </c>
      <c r="E96" s="6" t="s">
        <v>135</v>
      </c>
      <c r="F96" s="6">
        <v>64</v>
      </c>
      <c r="G96" s="6" t="s">
        <v>127</v>
      </c>
      <c r="H96" s="6" t="s">
        <v>125</v>
      </c>
      <c r="I96" s="6">
        <v>32</v>
      </c>
      <c r="J96" s="6">
        <v>16</v>
      </c>
      <c r="K96" s="6">
        <v>16</v>
      </c>
      <c r="L96" s="6">
        <v>16</v>
      </c>
      <c r="M96" s="6">
        <v>130</v>
      </c>
    </row>
    <row r="97" spans="2:13">
      <c r="B97" s="7" t="s">
        <v>142</v>
      </c>
      <c r="C97" s="7" t="s">
        <v>153</v>
      </c>
      <c r="D97" s="7" t="s">
        <v>76</v>
      </c>
      <c r="E97" s="7" t="s">
        <v>106</v>
      </c>
      <c r="F97" s="7">
        <v>32</v>
      </c>
      <c r="G97" s="7" t="s">
        <v>144</v>
      </c>
      <c r="H97" s="7" t="s">
        <v>108</v>
      </c>
      <c r="I97" s="7">
        <v>16</v>
      </c>
      <c r="J97" s="7">
        <v>10</v>
      </c>
      <c r="K97" s="7">
        <v>6</v>
      </c>
      <c r="L97" s="7">
        <v>6</v>
      </c>
      <c r="M97" s="7">
        <v>60</v>
      </c>
    </row>
    <row r="98" spans="2:13">
      <c r="B98" s="8" t="s">
        <v>142</v>
      </c>
      <c r="C98" s="8" t="s">
        <v>153</v>
      </c>
      <c r="D98" s="8" t="s">
        <v>76</v>
      </c>
      <c r="E98" s="8" t="s">
        <v>89</v>
      </c>
      <c r="F98" s="8">
        <v>32</v>
      </c>
      <c r="G98" s="8" t="s">
        <v>144</v>
      </c>
      <c r="H98" s="8" t="s">
        <v>108</v>
      </c>
      <c r="I98" s="8">
        <v>16</v>
      </c>
      <c r="J98" s="8">
        <v>10</v>
      </c>
      <c r="K98" s="8">
        <v>6</v>
      </c>
      <c r="L98" s="8">
        <v>6</v>
      </c>
      <c r="M98" s="8">
        <v>60</v>
      </c>
    </row>
    <row r="99" spans="2:13">
      <c r="B99" s="4" t="s">
        <v>142</v>
      </c>
      <c r="C99" s="4" t="s">
        <v>154</v>
      </c>
      <c r="D99" s="4" t="s">
        <v>76</v>
      </c>
      <c r="E99" s="4" t="s">
        <v>106</v>
      </c>
      <c r="F99" s="4">
        <v>32</v>
      </c>
      <c r="G99" s="4" t="s">
        <v>110</v>
      </c>
      <c r="H99" s="4" t="s">
        <v>108</v>
      </c>
      <c r="I99" s="4">
        <v>16</v>
      </c>
      <c r="J99" s="4">
        <v>10</v>
      </c>
      <c r="K99" s="4">
        <v>6</v>
      </c>
      <c r="L99" s="4">
        <v>6</v>
      </c>
      <c r="M99" s="4">
        <v>60</v>
      </c>
    </row>
    <row r="100" spans="2:13">
      <c r="B100" s="5" t="s">
        <v>142</v>
      </c>
      <c r="C100" s="5" t="s">
        <v>154</v>
      </c>
      <c r="D100" s="5" t="s">
        <v>76</v>
      </c>
      <c r="E100" s="5" t="s">
        <v>89</v>
      </c>
      <c r="F100" s="5">
        <v>32</v>
      </c>
      <c r="G100" s="5" t="s">
        <v>110</v>
      </c>
      <c r="H100" s="5" t="s">
        <v>108</v>
      </c>
      <c r="I100" s="5">
        <v>16</v>
      </c>
      <c r="J100" s="5">
        <v>10</v>
      </c>
      <c r="K100" s="5">
        <v>6</v>
      </c>
      <c r="L100" s="5">
        <v>6</v>
      </c>
      <c r="M100" s="5">
        <v>60</v>
      </c>
    </row>
    <row r="101" spans="2:13">
      <c r="B101" s="4" t="s">
        <v>142</v>
      </c>
      <c r="C101" s="4" t="s">
        <v>155</v>
      </c>
      <c r="D101" s="4" t="s">
        <v>76</v>
      </c>
      <c r="E101" s="4" t="s">
        <v>106</v>
      </c>
      <c r="F101" s="4">
        <v>32</v>
      </c>
      <c r="G101" s="4" t="s">
        <v>127</v>
      </c>
      <c r="H101" s="4" t="s">
        <v>125</v>
      </c>
      <c r="I101" s="4">
        <v>16</v>
      </c>
      <c r="J101" s="4">
        <v>10</v>
      </c>
      <c r="K101" s="4">
        <v>6</v>
      </c>
      <c r="L101" s="4">
        <v>6</v>
      </c>
      <c r="M101" s="4">
        <v>60</v>
      </c>
    </row>
    <row r="102" spans="2:13">
      <c r="B102" s="5" t="s">
        <v>142</v>
      </c>
      <c r="C102" s="5" t="s">
        <v>155</v>
      </c>
      <c r="D102" s="5" t="s">
        <v>76</v>
      </c>
      <c r="E102" s="5" t="s">
        <v>89</v>
      </c>
      <c r="F102" s="5">
        <v>32</v>
      </c>
      <c r="G102" s="5" t="s">
        <v>127</v>
      </c>
      <c r="H102" s="5" t="s">
        <v>125</v>
      </c>
      <c r="I102" s="5">
        <v>16</v>
      </c>
      <c r="J102" s="5">
        <v>10</v>
      </c>
      <c r="K102" s="5">
        <v>6</v>
      </c>
      <c r="L102" s="5">
        <v>6</v>
      </c>
      <c r="M102" s="5">
        <v>60</v>
      </c>
    </row>
    <row r="103" spans="2:13">
      <c r="B103" s="4" t="s">
        <v>142</v>
      </c>
      <c r="C103" s="4" t="s">
        <v>156</v>
      </c>
      <c r="D103" s="4" t="s">
        <v>76</v>
      </c>
      <c r="E103" s="4" t="s">
        <v>120</v>
      </c>
      <c r="F103" s="4">
        <v>48</v>
      </c>
      <c r="G103" s="4" t="s">
        <v>144</v>
      </c>
      <c r="H103" s="4" t="s">
        <v>108</v>
      </c>
      <c r="I103" s="4">
        <v>22</v>
      </c>
      <c r="J103" s="4">
        <v>12</v>
      </c>
      <c r="K103" s="4">
        <v>10</v>
      </c>
      <c r="L103" s="4">
        <v>10</v>
      </c>
      <c r="M103" s="4">
        <v>60</v>
      </c>
    </row>
    <row r="104" spans="2:13">
      <c r="B104" s="5" t="s">
        <v>142</v>
      </c>
      <c r="C104" s="5" t="s">
        <v>156</v>
      </c>
      <c r="D104" s="5" t="s">
        <v>76</v>
      </c>
      <c r="E104" s="5" t="s">
        <v>121</v>
      </c>
      <c r="F104" s="5">
        <v>48</v>
      </c>
      <c r="G104" s="5" t="s">
        <v>144</v>
      </c>
      <c r="H104" s="5" t="s">
        <v>108</v>
      </c>
      <c r="I104" s="5">
        <v>22</v>
      </c>
      <c r="J104" s="5">
        <v>12</v>
      </c>
      <c r="K104" s="5">
        <v>10</v>
      </c>
      <c r="L104" s="5">
        <v>10</v>
      </c>
      <c r="M104" s="5">
        <v>60</v>
      </c>
    </row>
    <row r="105" spans="2:13">
      <c r="B105" s="4" t="s">
        <v>142</v>
      </c>
      <c r="C105" s="4" t="s">
        <v>157</v>
      </c>
      <c r="D105" s="4" t="s">
        <v>76</v>
      </c>
      <c r="E105" s="4" t="s">
        <v>120</v>
      </c>
      <c r="F105" s="4">
        <v>48</v>
      </c>
      <c r="G105" s="4" t="s">
        <v>110</v>
      </c>
      <c r="H105" s="4" t="s">
        <v>108</v>
      </c>
      <c r="I105" s="4">
        <v>22</v>
      </c>
      <c r="J105" s="4">
        <v>12</v>
      </c>
      <c r="K105" s="4">
        <v>10</v>
      </c>
      <c r="L105" s="4">
        <v>10</v>
      </c>
      <c r="M105" s="4">
        <v>60</v>
      </c>
    </row>
    <row r="106" spans="2:13">
      <c r="B106" s="5" t="s">
        <v>142</v>
      </c>
      <c r="C106" s="5" t="s">
        <v>157</v>
      </c>
      <c r="D106" s="5" t="s">
        <v>76</v>
      </c>
      <c r="E106" s="5" t="s">
        <v>121</v>
      </c>
      <c r="F106" s="5">
        <v>48</v>
      </c>
      <c r="G106" s="5" t="s">
        <v>110</v>
      </c>
      <c r="H106" s="5" t="s">
        <v>108</v>
      </c>
      <c r="I106" s="5">
        <v>22</v>
      </c>
      <c r="J106" s="5">
        <v>12</v>
      </c>
      <c r="K106" s="5">
        <v>10</v>
      </c>
      <c r="L106" s="5">
        <v>10</v>
      </c>
      <c r="M106" s="5">
        <v>60</v>
      </c>
    </row>
    <row r="107" spans="2:13">
      <c r="B107" s="4" t="s">
        <v>142</v>
      </c>
      <c r="C107" s="4" t="s">
        <v>158</v>
      </c>
      <c r="D107" s="4" t="s">
        <v>76</v>
      </c>
      <c r="E107" s="4" t="s">
        <v>120</v>
      </c>
      <c r="F107" s="4">
        <v>48</v>
      </c>
      <c r="G107" s="4" t="s">
        <v>127</v>
      </c>
      <c r="H107" s="4" t="s">
        <v>125</v>
      </c>
      <c r="I107" s="4">
        <v>22</v>
      </c>
      <c r="J107" s="4">
        <v>12</v>
      </c>
      <c r="K107" s="4">
        <v>10</v>
      </c>
      <c r="L107" s="4">
        <v>10</v>
      </c>
      <c r="M107" s="4">
        <v>130</v>
      </c>
    </row>
    <row r="108" spans="2:13">
      <c r="B108" s="5" t="s">
        <v>142</v>
      </c>
      <c r="C108" s="5" t="s">
        <v>158</v>
      </c>
      <c r="D108" s="5" t="s">
        <v>76</v>
      </c>
      <c r="E108" s="5" t="s">
        <v>121</v>
      </c>
      <c r="F108" s="5">
        <v>48</v>
      </c>
      <c r="G108" s="5" t="s">
        <v>127</v>
      </c>
      <c r="H108" s="5" t="s">
        <v>125</v>
      </c>
      <c r="I108" s="5">
        <v>22</v>
      </c>
      <c r="J108" s="5">
        <v>12</v>
      </c>
      <c r="K108" s="5">
        <v>10</v>
      </c>
      <c r="L108" s="5">
        <v>10</v>
      </c>
      <c r="M108" s="5">
        <v>130</v>
      </c>
    </row>
    <row r="109" spans="2:13">
      <c r="B109" s="4" t="s">
        <v>142</v>
      </c>
      <c r="C109" s="4" t="s">
        <v>159</v>
      </c>
      <c r="D109" s="4" t="s">
        <v>76</v>
      </c>
      <c r="E109" s="4" t="s">
        <v>134</v>
      </c>
      <c r="F109" s="4">
        <v>64</v>
      </c>
      <c r="G109" s="4" t="s">
        <v>144</v>
      </c>
      <c r="H109" s="4" t="s">
        <v>108</v>
      </c>
      <c r="I109" s="4">
        <v>32</v>
      </c>
      <c r="J109" s="4">
        <v>16</v>
      </c>
      <c r="K109" s="4">
        <v>16</v>
      </c>
      <c r="L109" s="4">
        <v>16</v>
      </c>
      <c r="M109" s="4">
        <v>60</v>
      </c>
    </row>
    <row r="110" spans="2:13">
      <c r="B110" s="5" t="s">
        <v>142</v>
      </c>
      <c r="C110" s="5" t="s">
        <v>159</v>
      </c>
      <c r="D110" s="5" t="s">
        <v>76</v>
      </c>
      <c r="E110" s="5" t="s">
        <v>135</v>
      </c>
      <c r="F110" s="5">
        <v>64</v>
      </c>
      <c r="G110" s="5" t="s">
        <v>144</v>
      </c>
      <c r="H110" s="5" t="s">
        <v>108</v>
      </c>
      <c r="I110" s="5">
        <v>32</v>
      </c>
      <c r="J110" s="5">
        <v>16</v>
      </c>
      <c r="K110" s="5">
        <v>16</v>
      </c>
      <c r="L110" s="5">
        <v>16</v>
      </c>
      <c r="M110" s="5">
        <v>60</v>
      </c>
    </row>
    <row r="111" spans="2:13">
      <c r="B111" s="4" t="s">
        <v>142</v>
      </c>
      <c r="C111" s="4" t="s">
        <v>160</v>
      </c>
      <c r="D111" s="4" t="s">
        <v>76</v>
      </c>
      <c r="E111" s="4" t="s">
        <v>134</v>
      </c>
      <c r="F111" s="4">
        <v>64</v>
      </c>
      <c r="G111" s="4" t="s">
        <v>110</v>
      </c>
      <c r="H111" s="4" t="s">
        <v>108</v>
      </c>
      <c r="I111" s="4">
        <v>32</v>
      </c>
      <c r="J111" s="4">
        <v>16</v>
      </c>
      <c r="K111" s="4">
        <v>16</v>
      </c>
      <c r="L111" s="4">
        <v>16</v>
      </c>
      <c r="M111" s="4">
        <v>60</v>
      </c>
    </row>
    <row r="112" spans="2:13">
      <c r="B112" s="5" t="s">
        <v>142</v>
      </c>
      <c r="C112" s="5" t="s">
        <v>160</v>
      </c>
      <c r="D112" s="5" t="s">
        <v>76</v>
      </c>
      <c r="E112" s="5" t="s">
        <v>135</v>
      </c>
      <c r="F112" s="5">
        <v>64</v>
      </c>
      <c r="G112" s="5" t="s">
        <v>110</v>
      </c>
      <c r="H112" s="5" t="s">
        <v>108</v>
      </c>
      <c r="I112" s="5">
        <v>32</v>
      </c>
      <c r="J112" s="5">
        <v>16</v>
      </c>
      <c r="K112" s="5">
        <v>16</v>
      </c>
      <c r="L112" s="5">
        <v>16</v>
      </c>
      <c r="M112" s="5">
        <v>60</v>
      </c>
    </row>
    <row r="113" spans="2:13">
      <c r="B113" s="3" t="s">
        <v>142</v>
      </c>
      <c r="C113" s="3" t="s">
        <v>161</v>
      </c>
      <c r="D113" s="3" t="s">
        <v>76</v>
      </c>
      <c r="E113" s="3" t="s">
        <v>134</v>
      </c>
      <c r="F113" s="3">
        <v>64</v>
      </c>
      <c r="G113" s="3" t="s">
        <v>127</v>
      </c>
      <c r="H113" s="3" t="s">
        <v>125</v>
      </c>
      <c r="I113" s="3">
        <v>32</v>
      </c>
      <c r="J113" s="3">
        <v>16</v>
      </c>
      <c r="K113" s="3">
        <v>16</v>
      </c>
      <c r="L113" s="3">
        <v>16</v>
      </c>
      <c r="M113" s="3">
        <v>130</v>
      </c>
    </row>
    <row r="114" spans="2:13">
      <c r="B114" s="5" t="s">
        <v>142</v>
      </c>
      <c r="C114" s="5" t="s">
        <v>161</v>
      </c>
      <c r="D114" s="5" t="s">
        <v>76</v>
      </c>
      <c r="E114" s="5" t="s">
        <v>135</v>
      </c>
      <c r="F114" s="5">
        <v>64</v>
      </c>
      <c r="G114" s="5" t="s">
        <v>127</v>
      </c>
      <c r="H114" s="5" t="s">
        <v>125</v>
      </c>
      <c r="I114" s="5">
        <v>32</v>
      </c>
      <c r="J114" s="5">
        <v>16</v>
      </c>
      <c r="K114" s="5">
        <v>16</v>
      </c>
      <c r="L114" s="5">
        <v>16</v>
      </c>
      <c r="M114" s="5">
        <v>130</v>
      </c>
    </row>
    <row r="115" spans="2:13">
      <c r="B115" s="4" t="s">
        <v>162</v>
      </c>
      <c r="C115" s="4" t="s">
        <v>163</v>
      </c>
      <c r="D115" s="4" t="s">
        <v>76</v>
      </c>
      <c r="E115" s="4" t="s">
        <v>164</v>
      </c>
      <c r="F115" s="4">
        <v>27</v>
      </c>
      <c r="G115" s="4" t="s">
        <v>107</v>
      </c>
      <c r="H115" s="4" t="s">
        <v>108</v>
      </c>
      <c r="I115" s="4">
        <v>32</v>
      </c>
      <c r="J115" s="4">
        <v>16</v>
      </c>
      <c r="K115" s="4">
        <v>16</v>
      </c>
      <c r="L115" s="4">
        <v>16</v>
      </c>
      <c r="M115" s="4">
        <v>60</v>
      </c>
    </row>
    <row r="116" spans="2:13">
      <c r="B116" s="5" t="s">
        <v>162</v>
      </c>
      <c r="C116" s="5" t="s">
        <v>165</v>
      </c>
      <c r="D116" s="5" t="s">
        <v>76</v>
      </c>
      <c r="E116" s="5" t="s">
        <v>164</v>
      </c>
      <c r="F116" s="5">
        <v>27</v>
      </c>
      <c r="G116" s="5" t="s">
        <v>124</v>
      </c>
      <c r="H116" s="5" t="s">
        <v>125</v>
      </c>
      <c r="I116" s="5">
        <v>32</v>
      </c>
      <c r="J116" s="5">
        <v>16</v>
      </c>
      <c r="K116" s="5">
        <v>16</v>
      </c>
      <c r="L116" s="5">
        <v>16</v>
      </c>
      <c r="M116" s="5">
        <v>130</v>
      </c>
    </row>
    <row r="117" spans="2:13">
      <c r="B117" s="4" t="s">
        <v>162</v>
      </c>
      <c r="C117" s="4" t="s">
        <v>166</v>
      </c>
      <c r="D117" s="4" t="s">
        <v>76</v>
      </c>
      <c r="E117" s="4" t="s">
        <v>106</v>
      </c>
      <c r="F117" s="4">
        <v>32</v>
      </c>
      <c r="G117" s="4" t="s">
        <v>116</v>
      </c>
      <c r="H117" s="4" t="s">
        <v>167</v>
      </c>
      <c r="I117" s="4">
        <v>16</v>
      </c>
      <c r="J117" s="4">
        <v>10</v>
      </c>
      <c r="K117" s="4">
        <v>6</v>
      </c>
      <c r="L117" s="4">
        <v>6</v>
      </c>
      <c r="M117" s="4">
        <v>48</v>
      </c>
    </row>
    <row r="118" spans="2:13">
      <c r="B118" s="5" t="s">
        <v>162</v>
      </c>
      <c r="C118" s="5" t="s">
        <v>166</v>
      </c>
      <c r="D118" s="5" t="s">
        <v>76</v>
      </c>
      <c r="E118" s="5" t="s">
        <v>89</v>
      </c>
      <c r="F118" s="5">
        <v>32</v>
      </c>
      <c r="G118" s="5" t="s">
        <v>116</v>
      </c>
      <c r="H118" s="5" t="s">
        <v>167</v>
      </c>
      <c r="I118" s="5">
        <v>16</v>
      </c>
      <c r="J118" s="5">
        <v>10</v>
      </c>
      <c r="K118" s="5">
        <v>6</v>
      </c>
      <c r="L118" s="5">
        <v>6</v>
      </c>
      <c r="M118" s="5">
        <v>48</v>
      </c>
    </row>
    <row r="119" spans="2:13">
      <c r="B119" s="4" t="s">
        <v>162</v>
      </c>
      <c r="C119" s="4" t="s">
        <v>168</v>
      </c>
      <c r="D119" s="4" t="s">
        <v>76</v>
      </c>
      <c r="E119" s="4" t="s">
        <v>106</v>
      </c>
      <c r="F119" s="4">
        <v>32</v>
      </c>
      <c r="G119" s="4" t="s">
        <v>107</v>
      </c>
      <c r="H119" s="4" t="s">
        <v>108</v>
      </c>
      <c r="I119" s="4">
        <v>16</v>
      </c>
      <c r="J119" s="4">
        <v>10</v>
      </c>
      <c r="K119" s="4">
        <v>6</v>
      </c>
      <c r="L119" s="4">
        <v>6</v>
      </c>
      <c r="M119" s="4">
        <v>60</v>
      </c>
    </row>
    <row r="120" spans="2:13">
      <c r="B120" s="5" t="s">
        <v>162</v>
      </c>
      <c r="C120" s="5" t="s">
        <v>168</v>
      </c>
      <c r="D120" s="5" t="s">
        <v>76</v>
      </c>
      <c r="E120" s="5" t="s">
        <v>89</v>
      </c>
      <c r="F120" s="5">
        <v>32</v>
      </c>
      <c r="G120" s="5" t="s">
        <v>107</v>
      </c>
      <c r="H120" s="5" t="s">
        <v>108</v>
      </c>
      <c r="I120" s="5">
        <v>16</v>
      </c>
      <c r="J120" s="5">
        <v>10</v>
      </c>
      <c r="K120" s="5">
        <v>6</v>
      </c>
      <c r="L120" s="5">
        <v>6</v>
      </c>
      <c r="M120" s="5">
        <v>60</v>
      </c>
    </row>
    <row r="121" spans="2:13">
      <c r="B121" s="4" t="s">
        <v>162</v>
      </c>
      <c r="C121" s="4" t="s">
        <v>169</v>
      </c>
      <c r="D121" s="4" t="s">
        <v>76</v>
      </c>
      <c r="E121" s="4" t="s">
        <v>106</v>
      </c>
      <c r="F121" s="4">
        <v>32</v>
      </c>
      <c r="G121" s="4" t="s">
        <v>124</v>
      </c>
      <c r="H121" s="4" t="s">
        <v>125</v>
      </c>
      <c r="I121" s="4">
        <v>16</v>
      </c>
      <c r="J121" s="4">
        <v>10</v>
      </c>
      <c r="K121" s="4">
        <v>6</v>
      </c>
      <c r="L121" s="4">
        <v>6</v>
      </c>
      <c r="M121" s="4">
        <v>60</v>
      </c>
    </row>
    <row r="122" spans="2:13">
      <c r="B122" s="6" t="s">
        <v>162</v>
      </c>
      <c r="C122" s="6" t="s">
        <v>169</v>
      </c>
      <c r="D122" s="6" t="s">
        <v>76</v>
      </c>
      <c r="E122" s="6" t="s">
        <v>89</v>
      </c>
      <c r="F122" s="6">
        <v>32</v>
      </c>
      <c r="G122" s="6" t="s">
        <v>124</v>
      </c>
      <c r="H122" s="6" t="s">
        <v>125</v>
      </c>
      <c r="I122" s="6">
        <v>16</v>
      </c>
      <c r="J122" s="6">
        <v>10</v>
      </c>
      <c r="K122" s="6">
        <v>6</v>
      </c>
      <c r="L122" s="6">
        <v>6</v>
      </c>
      <c r="M122" s="6">
        <v>60</v>
      </c>
    </row>
    <row r="123" spans="2:13">
      <c r="B123" s="7" t="s">
        <v>162</v>
      </c>
      <c r="C123" s="7" t="s">
        <v>170</v>
      </c>
      <c r="D123" s="7" t="s">
        <v>76</v>
      </c>
      <c r="E123" s="7" t="s">
        <v>106</v>
      </c>
      <c r="F123" s="7">
        <v>32</v>
      </c>
      <c r="G123" s="7" t="s">
        <v>115</v>
      </c>
      <c r="H123" s="7" t="s">
        <v>116</v>
      </c>
      <c r="I123" s="7">
        <v>16</v>
      </c>
      <c r="J123" s="7">
        <v>10</v>
      </c>
      <c r="K123" s="7">
        <v>6</v>
      </c>
      <c r="L123" s="7">
        <v>6</v>
      </c>
      <c r="M123" s="7">
        <v>60</v>
      </c>
    </row>
    <row r="124" spans="2:13">
      <c r="B124" s="8" t="s">
        <v>162</v>
      </c>
      <c r="C124" s="8" t="s">
        <v>170</v>
      </c>
      <c r="D124" s="8" t="s">
        <v>76</v>
      </c>
      <c r="E124" s="8" t="s">
        <v>89</v>
      </c>
      <c r="F124" s="8">
        <v>32</v>
      </c>
      <c r="G124" s="8" t="s">
        <v>115</v>
      </c>
      <c r="H124" s="8" t="s">
        <v>116</v>
      </c>
      <c r="I124" s="8">
        <v>16</v>
      </c>
      <c r="J124" s="8">
        <v>10</v>
      </c>
      <c r="K124" s="8">
        <v>6</v>
      </c>
      <c r="L124" s="8">
        <v>6</v>
      </c>
      <c r="M124" s="8">
        <v>60</v>
      </c>
    </row>
    <row r="125" spans="2:13">
      <c r="B125" s="4" t="s">
        <v>162</v>
      </c>
      <c r="C125" s="4" t="s">
        <v>171</v>
      </c>
      <c r="D125" s="4" t="s">
        <v>76</v>
      </c>
      <c r="E125" s="4" t="s">
        <v>106</v>
      </c>
      <c r="F125" s="4">
        <v>32</v>
      </c>
      <c r="G125" s="4" t="s">
        <v>118</v>
      </c>
      <c r="H125" s="4" t="s">
        <v>107</v>
      </c>
      <c r="I125" s="4">
        <v>16</v>
      </c>
      <c r="J125" s="4">
        <v>10</v>
      </c>
      <c r="K125" s="4">
        <v>6</v>
      </c>
      <c r="L125" s="4">
        <v>6</v>
      </c>
      <c r="M125" s="4">
        <v>60</v>
      </c>
    </row>
    <row r="126" spans="2:13">
      <c r="B126" s="5" t="s">
        <v>162</v>
      </c>
      <c r="C126" s="5" t="s">
        <v>171</v>
      </c>
      <c r="D126" s="5" t="s">
        <v>76</v>
      </c>
      <c r="E126" s="5" t="s">
        <v>89</v>
      </c>
      <c r="F126" s="5">
        <v>32</v>
      </c>
      <c r="G126" s="5" t="s">
        <v>118</v>
      </c>
      <c r="H126" s="5" t="s">
        <v>107</v>
      </c>
      <c r="I126" s="5">
        <v>16</v>
      </c>
      <c r="J126" s="5">
        <v>10</v>
      </c>
      <c r="K126" s="5">
        <v>6</v>
      </c>
      <c r="L126" s="5">
        <v>6</v>
      </c>
      <c r="M126" s="5">
        <v>60</v>
      </c>
    </row>
    <row r="127" spans="2:13">
      <c r="B127" s="4" t="s">
        <v>162</v>
      </c>
      <c r="C127" s="4" t="s">
        <v>172</v>
      </c>
      <c r="D127" s="4" t="s">
        <v>76</v>
      </c>
      <c r="E127" s="4" t="s">
        <v>120</v>
      </c>
      <c r="F127" s="4">
        <v>48</v>
      </c>
      <c r="G127" s="4" t="s">
        <v>116</v>
      </c>
      <c r="H127" s="4" t="s">
        <v>167</v>
      </c>
      <c r="I127" s="4">
        <v>22</v>
      </c>
      <c r="J127" s="4">
        <v>12</v>
      </c>
      <c r="K127" s="4">
        <v>10</v>
      </c>
      <c r="L127" s="4">
        <v>10</v>
      </c>
      <c r="M127" s="4">
        <v>48</v>
      </c>
    </row>
    <row r="128" spans="2:13">
      <c r="B128" s="5" t="s">
        <v>162</v>
      </c>
      <c r="C128" s="5" t="s">
        <v>172</v>
      </c>
      <c r="D128" s="5" t="s">
        <v>76</v>
      </c>
      <c r="E128" s="5" t="s">
        <v>121</v>
      </c>
      <c r="F128" s="5">
        <v>48</v>
      </c>
      <c r="G128" s="5" t="s">
        <v>116</v>
      </c>
      <c r="H128" s="5" t="s">
        <v>167</v>
      </c>
      <c r="I128" s="5">
        <v>22</v>
      </c>
      <c r="J128" s="5">
        <v>12</v>
      </c>
      <c r="K128" s="5">
        <v>10</v>
      </c>
      <c r="L128" s="5">
        <v>10</v>
      </c>
      <c r="M128" s="5">
        <v>48</v>
      </c>
    </row>
    <row r="129" spans="2:13">
      <c r="B129" s="4" t="s">
        <v>162</v>
      </c>
      <c r="C129" s="4" t="s">
        <v>173</v>
      </c>
      <c r="D129" s="4" t="s">
        <v>76</v>
      </c>
      <c r="E129" s="4" t="s">
        <v>120</v>
      </c>
      <c r="F129" s="4">
        <v>48</v>
      </c>
      <c r="G129" s="4" t="s">
        <v>107</v>
      </c>
      <c r="H129" s="4" t="s">
        <v>108</v>
      </c>
      <c r="I129" s="4">
        <v>22</v>
      </c>
      <c r="J129" s="4">
        <v>12</v>
      </c>
      <c r="K129" s="4">
        <v>10</v>
      </c>
      <c r="L129" s="4">
        <v>10</v>
      </c>
      <c r="M129" s="4">
        <v>60</v>
      </c>
    </row>
    <row r="130" spans="2:13">
      <c r="B130" s="5" t="s">
        <v>162</v>
      </c>
      <c r="C130" s="5" t="s">
        <v>173</v>
      </c>
      <c r="D130" s="5" t="s">
        <v>76</v>
      </c>
      <c r="E130" s="5" t="s">
        <v>121</v>
      </c>
      <c r="F130" s="5">
        <v>48</v>
      </c>
      <c r="G130" s="5" t="s">
        <v>107</v>
      </c>
      <c r="H130" s="5" t="s">
        <v>108</v>
      </c>
      <c r="I130" s="5">
        <v>22</v>
      </c>
      <c r="J130" s="5">
        <v>12</v>
      </c>
      <c r="K130" s="5">
        <v>10</v>
      </c>
      <c r="L130" s="5">
        <v>10</v>
      </c>
      <c r="M130" s="5">
        <v>60</v>
      </c>
    </row>
    <row r="131" spans="2:13">
      <c r="B131" s="4" t="s">
        <v>162</v>
      </c>
      <c r="C131" s="4" t="s">
        <v>174</v>
      </c>
      <c r="D131" s="4" t="s">
        <v>76</v>
      </c>
      <c r="E131" s="4" t="s">
        <v>120</v>
      </c>
      <c r="F131" s="4">
        <v>48</v>
      </c>
      <c r="G131" s="4" t="s">
        <v>124</v>
      </c>
      <c r="H131" s="4" t="s">
        <v>125</v>
      </c>
      <c r="I131" s="4">
        <v>22</v>
      </c>
      <c r="J131" s="4">
        <v>12</v>
      </c>
      <c r="K131" s="4">
        <v>10</v>
      </c>
      <c r="L131" s="4">
        <v>10</v>
      </c>
      <c r="M131" s="4">
        <v>120</v>
      </c>
    </row>
    <row r="132" spans="2:13">
      <c r="B132" s="5" t="s">
        <v>162</v>
      </c>
      <c r="C132" s="5" t="s">
        <v>174</v>
      </c>
      <c r="D132" s="5" t="s">
        <v>76</v>
      </c>
      <c r="E132" s="5" t="s">
        <v>121</v>
      </c>
      <c r="F132" s="5">
        <v>48</v>
      </c>
      <c r="G132" s="5" t="s">
        <v>124</v>
      </c>
      <c r="H132" s="5" t="s">
        <v>125</v>
      </c>
      <c r="I132" s="5">
        <v>22</v>
      </c>
      <c r="J132" s="5">
        <v>12</v>
      </c>
      <c r="K132" s="5">
        <v>10</v>
      </c>
      <c r="L132" s="5">
        <v>10</v>
      </c>
      <c r="M132" s="5">
        <v>120</v>
      </c>
    </row>
    <row r="133" spans="2:13">
      <c r="B133" s="4" t="s">
        <v>162</v>
      </c>
      <c r="C133" s="4" t="s">
        <v>175</v>
      </c>
      <c r="D133" s="4" t="s">
        <v>76</v>
      </c>
      <c r="E133" s="4" t="s">
        <v>120</v>
      </c>
      <c r="F133" s="4">
        <v>48</v>
      </c>
      <c r="G133" s="4" t="s">
        <v>115</v>
      </c>
      <c r="H133" s="4" t="s">
        <v>116</v>
      </c>
      <c r="I133" s="4">
        <v>22</v>
      </c>
      <c r="J133" s="4">
        <v>12</v>
      </c>
      <c r="K133" s="4">
        <v>10</v>
      </c>
      <c r="L133" s="4">
        <v>10</v>
      </c>
      <c r="M133" s="4">
        <v>120</v>
      </c>
    </row>
    <row r="134" spans="2:13">
      <c r="B134" s="5" t="s">
        <v>162</v>
      </c>
      <c r="C134" s="5" t="s">
        <v>175</v>
      </c>
      <c r="D134" s="5" t="s">
        <v>76</v>
      </c>
      <c r="E134" s="5" t="s">
        <v>121</v>
      </c>
      <c r="F134" s="5">
        <v>48</v>
      </c>
      <c r="G134" s="5" t="s">
        <v>115</v>
      </c>
      <c r="H134" s="5" t="s">
        <v>116</v>
      </c>
      <c r="I134" s="5">
        <v>22</v>
      </c>
      <c r="J134" s="5">
        <v>12</v>
      </c>
      <c r="K134" s="5">
        <v>10</v>
      </c>
      <c r="L134" s="5">
        <v>10</v>
      </c>
      <c r="M134" s="5">
        <v>120</v>
      </c>
    </row>
    <row r="135" spans="2:13">
      <c r="B135" s="4" t="s">
        <v>162</v>
      </c>
      <c r="C135" s="4" t="s">
        <v>176</v>
      </c>
      <c r="D135" s="4" t="s">
        <v>76</v>
      </c>
      <c r="E135" s="4" t="s">
        <v>130</v>
      </c>
      <c r="F135" s="4">
        <v>45</v>
      </c>
      <c r="G135" s="4" t="s">
        <v>115</v>
      </c>
      <c r="H135" s="4" t="s">
        <v>116</v>
      </c>
      <c r="I135" s="4">
        <v>22</v>
      </c>
      <c r="J135" s="4">
        <v>12</v>
      </c>
      <c r="K135" s="4">
        <v>10</v>
      </c>
      <c r="L135" s="4">
        <v>10</v>
      </c>
      <c r="M135" s="4">
        <v>120</v>
      </c>
    </row>
    <row r="136" spans="2:13">
      <c r="B136" s="5" t="s">
        <v>162</v>
      </c>
      <c r="C136" s="5" t="s">
        <v>177</v>
      </c>
      <c r="D136" s="5" t="s">
        <v>76</v>
      </c>
      <c r="E136" s="5" t="s">
        <v>120</v>
      </c>
      <c r="F136" s="5">
        <v>48</v>
      </c>
      <c r="G136" s="5" t="s">
        <v>118</v>
      </c>
      <c r="H136" s="5" t="s">
        <v>107</v>
      </c>
      <c r="I136" s="5">
        <v>22</v>
      </c>
      <c r="J136" s="5">
        <v>12</v>
      </c>
      <c r="K136" s="5">
        <v>10</v>
      </c>
      <c r="L136" s="5">
        <v>10</v>
      </c>
      <c r="M136" s="5">
        <v>120</v>
      </c>
    </row>
    <row r="137" spans="2:13">
      <c r="B137" s="4" t="s">
        <v>162</v>
      </c>
      <c r="C137" s="4" t="s">
        <v>177</v>
      </c>
      <c r="D137" s="4" t="s">
        <v>76</v>
      </c>
      <c r="E137" s="4" t="s">
        <v>121</v>
      </c>
      <c r="F137" s="4">
        <v>48</v>
      </c>
      <c r="G137" s="4" t="s">
        <v>118</v>
      </c>
      <c r="H137" s="4" t="s">
        <v>107</v>
      </c>
      <c r="I137" s="4">
        <v>22</v>
      </c>
      <c r="J137" s="4">
        <v>12</v>
      </c>
      <c r="K137" s="4">
        <v>10</v>
      </c>
      <c r="L137" s="4">
        <v>10</v>
      </c>
      <c r="M137" s="4">
        <v>120</v>
      </c>
    </row>
    <row r="138" spans="2:13">
      <c r="B138" s="5" t="s">
        <v>162</v>
      </c>
      <c r="C138" s="5" t="s">
        <v>178</v>
      </c>
      <c r="D138" s="5" t="s">
        <v>76</v>
      </c>
      <c r="E138" s="5" t="s">
        <v>130</v>
      </c>
      <c r="F138" s="5">
        <v>45</v>
      </c>
      <c r="G138" s="5" t="s">
        <v>118</v>
      </c>
      <c r="H138" s="5" t="s">
        <v>107</v>
      </c>
      <c r="I138" s="5">
        <v>22</v>
      </c>
      <c r="J138" s="5">
        <v>12</v>
      </c>
      <c r="K138" s="5">
        <v>10</v>
      </c>
      <c r="L138" s="5">
        <v>10</v>
      </c>
      <c r="M138" s="5">
        <v>120</v>
      </c>
    </row>
    <row r="139" spans="2:13">
      <c r="B139" s="3" t="s">
        <v>162</v>
      </c>
      <c r="C139" s="3" t="s">
        <v>179</v>
      </c>
      <c r="D139" s="3" t="s">
        <v>76</v>
      </c>
      <c r="E139" s="3" t="s">
        <v>134</v>
      </c>
      <c r="F139" s="3">
        <v>64</v>
      </c>
      <c r="G139" s="3" t="s">
        <v>116</v>
      </c>
      <c r="H139" s="3" t="s">
        <v>167</v>
      </c>
      <c r="I139" s="3">
        <v>32</v>
      </c>
      <c r="J139" s="3">
        <v>16</v>
      </c>
      <c r="K139" s="3">
        <v>16</v>
      </c>
      <c r="L139" s="3">
        <v>16</v>
      </c>
      <c r="M139" s="3">
        <v>48</v>
      </c>
    </row>
    <row r="140" spans="2:13">
      <c r="B140" s="5" t="s">
        <v>162</v>
      </c>
      <c r="C140" s="5" t="s">
        <v>179</v>
      </c>
      <c r="D140" s="5" t="s">
        <v>76</v>
      </c>
      <c r="E140" s="5" t="s">
        <v>135</v>
      </c>
      <c r="F140" s="5">
        <v>64</v>
      </c>
      <c r="G140" s="5" t="s">
        <v>116</v>
      </c>
      <c r="H140" s="5" t="s">
        <v>167</v>
      </c>
      <c r="I140" s="5">
        <v>32</v>
      </c>
      <c r="J140" s="5">
        <v>16</v>
      </c>
      <c r="K140" s="5">
        <v>16</v>
      </c>
      <c r="L140" s="5">
        <v>16</v>
      </c>
      <c r="M140" s="5">
        <v>48</v>
      </c>
    </row>
    <row r="141" spans="2:13">
      <c r="B141" s="4" t="s">
        <v>162</v>
      </c>
      <c r="C141" s="4" t="s">
        <v>180</v>
      </c>
      <c r="D141" s="4" t="s">
        <v>76</v>
      </c>
      <c r="E141" s="4" t="s">
        <v>134</v>
      </c>
      <c r="F141" s="4">
        <v>64</v>
      </c>
      <c r="G141" s="4" t="s">
        <v>107</v>
      </c>
      <c r="H141" s="4" t="s">
        <v>108</v>
      </c>
      <c r="I141" s="4">
        <v>32</v>
      </c>
      <c r="J141" s="4">
        <v>16</v>
      </c>
      <c r="K141" s="4">
        <v>16</v>
      </c>
      <c r="L141" s="4">
        <v>16</v>
      </c>
      <c r="M141" s="4">
        <v>60</v>
      </c>
    </row>
    <row r="142" spans="2:13">
      <c r="B142" s="5" t="s">
        <v>162</v>
      </c>
      <c r="C142" s="5" t="s">
        <v>180</v>
      </c>
      <c r="D142" s="5" t="s">
        <v>76</v>
      </c>
      <c r="E142" s="5" t="s">
        <v>135</v>
      </c>
      <c r="F142" s="5">
        <v>64</v>
      </c>
      <c r="G142" s="5" t="s">
        <v>107</v>
      </c>
      <c r="H142" s="5" t="s">
        <v>108</v>
      </c>
      <c r="I142" s="5">
        <v>32</v>
      </c>
      <c r="J142" s="5">
        <v>16</v>
      </c>
      <c r="K142" s="5">
        <v>16</v>
      </c>
      <c r="L142" s="5">
        <v>16</v>
      </c>
      <c r="M142" s="5">
        <v>60</v>
      </c>
    </row>
    <row r="143" spans="2:13">
      <c r="B143" s="4" t="s">
        <v>162</v>
      </c>
      <c r="C143" s="4" t="s">
        <v>181</v>
      </c>
      <c r="D143" s="4" t="s">
        <v>76</v>
      </c>
      <c r="E143" s="4" t="s">
        <v>134</v>
      </c>
      <c r="F143" s="4">
        <v>64</v>
      </c>
      <c r="G143" s="4" t="s">
        <v>124</v>
      </c>
      <c r="H143" s="4" t="s">
        <v>125</v>
      </c>
      <c r="I143" s="4">
        <v>32</v>
      </c>
      <c r="J143" s="4">
        <v>16</v>
      </c>
      <c r="K143" s="4">
        <v>16</v>
      </c>
      <c r="L143" s="4">
        <v>16</v>
      </c>
      <c r="M143" s="4">
        <v>130</v>
      </c>
    </row>
    <row r="144" spans="2:13">
      <c r="B144" s="5" t="s">
        <v>162</v>
      </c>
      <c r="C144" s="5" t="s">
        <v>181</v>
      </c>
      <c r="D144" s="5" t="s">
        <v>76</v>
      </c>
      <c r="E144" s="5" t="s">
        <v>135</v>
      </c>
      <c r="F144" s="5">
        <v>64</v>
      </c>
      <c r="G144" s="5" t="s">
        <v>124</v>
      </c>
      <c r="H144" s="5" t="s">
        <v>125</v>
      </c>
      <c r="I144" s="5">
        <v>32</v>
      </c>
      <c r="J144" s="5">
        <v>16</v>
      </c>
      <c r="K144" s="5">
        <v>16</v>
      </c>
      <c r="L144" s="5">
        <v>16</v>
      </c>
      <c r="M144" s="5">
        <v>130</v>
      </c>
    </row>
    <row r="145" spans="2:13">
      <c r="B145" s="4" t="s">
        <v>162</v>
      </c>
      <c r="C145" s="4" t="s">
        <v>182</v>
      </c>
      <c r="D145" s="4" t="s">
        <v>76</v>
      </c>
      <c r="E145" s="4" t="s">
        <v>134</v>
      </c>
      <c r="F145" s="4">
        <v>64</v>
      </c>
      <c r="G145" s="4" t="s">
        <v>115</v>
      </c>
      <c r="H145" s="4" t="s">
        <v>116</v>
      </c>
      <c r="I145" s="4">
        <v>32</v>
      </c>
      <c r="J145" s="4">
        <v>16</v>
      </c>
      <c r="K145" s="4">
        <v>16</v>
      </c>
      <c r="L145" s="4">
        <v>16</v>
      </c>
      <c r="M145" s="4">
        <v>256</v>
      </c>
    </row>
    <row r="146" spans="2:13">
      <c r="B146" s="5" t="s">
        <v>162</v>
      </c>
      <c r="C146" s="5" t="s">
        <v>182</v>
      </c>
      <c r="D146" s="5" t="s">
        <v>76</v>
      </c>
      <c r="E146" s="5" t="s">
        <v>135</v>
      </c>
      <c r="F146" s="5">
        <v>64</v>
      </c>
      <c r="G146" s="5" t="s">
        <v>115</v>
      </c>
      <c r="H146" s="5" t="s">
        <v>116</v>
      </c>
      <c r="I146" s="5">
        <v>32</v>
      </c>
      <c r="J146" s="5">
        <v>16</v>
      </c>
      <c r="K146" s="5">
        <v>16</v>
      </c>
      <c r="L146" s="5">
        <v>16</v>
      </c>
      <c r="M146" s="5">
        <v>256</v>
      </c>
    </row>
    <row r="147" spans="2:13">
      <c r="B147" s="4" t="s">
        <v>162</v>
      </c>
      <c r="C147" s="4" t="s">
        <v>183</v>
      </c>
      <c r="D147" s="4" t="s">
        <v>76</v>
      </c>
      <c r="E147" s="4" t="s">
        <v>134</v>
      </c>
      <c r="F147" s="4">
        <v>64</v>
      </c>
      <c r="G147" s="4" t="s">
        <v>118</v>
      </c>
      <c r="H147" s="4" t="s">
        <v>107</v>
      </c>
      <c r="I147" s="4">
        <v>32</v>
      </c>
      <c r="J147" s="4">
        <v>16</v>
      </c>
      <c r="K147" s="4">
        <v>16</v>
      </c>
      <c r="L147" s="4">
        <v>16</v>
      </c>
      <c r="M147" s="4">
        <v>256</v>
      </c>
    </row>
    <row r="148" spans="2:13">
      <c r="B148" s="6" t="s">
        <v>162</v>
      </c>
      <c r="C148" s="6" t="s">
        <v>183</v>
      </c>
      <c r="D148" s="6" t="s">
        <v>76</v>
      </c>
      <c r="E148" s="6" t="s">
        <v>138</v>
      </c>
      <c r="F148" s="6">
        <v>64</v>
      </c>
      <c r="G148" s="6" t="s">
        <v>118</v>
      </c>
      <c r="H148" s="6" t="s">
        <v>107</v>
      </c>
      <c r="I148" s="6">
        <v>32</v>
      </c>
      <c r="J148" s="6">
        <v>16</v>
      </c>
      <c r="K148" s="6">
        <v>16</v>
      </c>
      <c r="L148" s="6">
        <v>16</v>
      </c>
      <c r="M148" s="6">
        <v>256</v>
      </c>
    </row>
    <row r="149" spans="2:13">
      <c r="B149" s="7" t="s">
        <v>162</v>
      </c>
      <c r="C149" s="7" t="s">
        <v>183</v>
      </c>
      <c r="D149" s="7" t="s">
        <v>76</v>
      </c>
      <c r="E149" s="7" t="s">
        <v>135</v>
      </c>
      <c r="F149" s="7">
        <v>64</v>
      </c>
      <c r="G149" s="7" t="s">
        <v>118</v>
      </c>
      <c r="H149" s="7" t="s">
        <v>107</v>
      </c>
      <c r="I149" s="7">
        <v>32</v>
      </c>
      <c r="J149" s="7">
        <v>16</v>
      </c>
      <c r="K149" s="7">
        <v>16</v>
      </c>
      <c r="L149" s="7">
        <v>16</v>
      </c>
      <c r="M149" s="7">
        <v>256</v>
      </c>
    </row>
    <row r="150" spans="2:13">
      <c r="B150" s="8" t="s">
        <v>184</v>
      </c>
      <c r="C150" s="8" t="s">
        <v>185</v>
      </c>
      <c r="D150" s="8" t="s">
        <v>186</v>
      </c>
      <c r="E150" s="8" t="s">
        <v>134</v>
      </c>
      <c r="F150" s="8">
        <v>64</v>
      </c>
      <c r="G150" s="8" t="s">
        <v>118</v>
      </c>
      <c r="H150" s="8" t="s">
        <v>187</v>
      </c>
      <c r="I150" s="8">
        <v>32</v>
      </c>
      <c r="J150" s="8">
        <v>32</v>
      </c>
      <c r="K150" s="8">
        <v>32</v>
      </c>
      <c r="L150" s="8">
        <v>32</v>
      </c>
      <c r="M150" s="8">
        <v>256</v>
      </c>
    </row>
    <row r="151" spans="2:13">
      <c r="B151" s="4" t="s">
        <v>184</v>
      </c>
      <c r="C151" s="4" t="s">
        <v>185</v>
      </c>
      <c r="D151" s="4" t="s">
        <v>186</v>
      </c>
      <c r="E151" s="4" t="s">
        <v>135</v>
      </c>
      <c r="F151" s="4">
        <v>64</v>
      </c>
      <c r="G151" s="4" t="s">
        <v>118</v>
      </c>
      <c r="H151" s="4" t="s">
        <v>187</v>
      </c>
      <c r="I151" s="4">
        <v>32</v>
      </c>
      <c r="J151" s="4">
        <v>32</v>
      </c>
      <c r="K151" s="4">
        <v>32</v>
      </c>
      <c r="L151" s="4">
        <v>32</v>
      </c>
      <c r="M151" s="4">
        <v>256</v>
      </c>
    </row>
    <row r="152" spans="2:13">
      <c r="B152" s="5" t="s">
        <v>184</v>
      </c>
      <c r="C152" s="5" t="s">
        <v>188</v>
      </c>
      <c r="D152" s="5" t="s">
        <v>186</v>
      </c>
      <c r="E152" s="5" t="s">
        <v>134</v>
      </c>
      <c r="F152" s="5">
        <v>64</v>
      </c>
      <c r="G152" s="5" t="s">
        <v>189</v>
      </c>
      <c r="H152" s="5" t="s">
        <v>190</v>
      </c>
      <c r="I152" s="5">
        <v>32</v>
      </c>
      <c r="J152" s="5">
        <v>32</v>
      </c>
      <c r="K152" s="5">
        <v>32</v>
      </c>
      <c r="L152" s="5">
        <v>32</v>
      </c>
      <c r="M152" s="5">
        <v>256</v>
      </c>
    </row>
    <row r="153" spans="2:13">
      <c r="B153" s="4" t="s">
        <v>184</v>
      </c>
      <c r="C153" s="4" t="s">
        <v>188</v>
      </c>
      <c r="D153" s="4" t="s">
        <v>186</v>
      </c>
      <c r="E153" s="4" t="s">
        <v>135</v>
      </c>
      <c r="F153" s="4">
        <v>64</v>
      </c>
      <c r="G153" s="4" t="s">
        <v>189</v>
      </c>
      <c r="H153" s="4" t="s">
        <v>190</v>
      </c>
      <c r="I153" s="4">
        <v>32</v>
      </c>
      <c r="J153" s="4">
        <v>32</v>
      </c>
      <c r="K153" s="4">
        <v>32</v>
      </c>
      <c r="L153" s="4">
        <v>32</v>
      </c>
      <c r="M153" s="4">
        <v>256</v>
      </c>
    </row>
    <row r="154" spans="2:13">
      <c r="B154" s="5" t="s">
        <v>184</v>
      </c>
      <c r="C154" s="5" t="s">
        <v>191</v>
      </c>
      <c r="D154" s="5" t="s">
        <v>186</v>
      </c>
      <c r="E154" s="5" t="s">
        <v>192</v>
      </c>
      <c r="F154" s="5">
        <v>100</v>
      </c>
      <c r="G154" s="5" t="s">
        <v>189</v>
      </c>
      <c r="H154" s="5" t="s">
        <v>190</v>
      </c>
      <c r="I154" s="5">
        <v>32</v>
      </c>
      <c r="J154" s="5">
        <v>32</v>
      </c>
      <c r="K154" s="5">
        <v>32</v>
      </c>
      <c r="L154" s="5">
        <v>32</v>
      </c>
      <c r="M154" s="5">
        <v>256</v>
      </c>
    </row>
    <row r="155" spans="2:13">
      <c r="B155" s="4" t="s">
        <v>184</v>
      </c>
      <c r="C155" s="4" t="s">
        <v>193</v>
      </c>
      <c r="D155" s="4" t="s">
        <v>186</v>
      </c>
      <c r="E155" s="4" t="s">
        <v>192</v>
      </c>
      <c r="F155" s="4">
        <v>100</v>
      </c>
      <c r="G155" s="4" t="s">
        <v>194</v>
      </c>
      <c r="H155" s="4" t="s">
        <v>195</v>
      </c>
      <c r="I155" s="4">
        <v>32</v>
      </c>
      <c r="J155" s="4">
        <v>32</v>
      </c>
      <c r="K155" s="4">
        <v>32</v>
      </c>
      <c r="L155" s="4">
        <v>32</v>
      </c>
      <c r="M155" s="4">
        <v>256</v>
      </c>
    </row>
    <row r="156" spans="2:13">
      <c r="B156" s="5" t="s">
        <v>196</v>
      </c>
      <c r="C156" s="5" t="s">
        <v>197</v>
      </c>
      <c r="D156" s="5" t="s">
        <v>186</v>
      </c>
      <c r="E156" s="5" t="s">
        <v>134</v>
      </c>
      <c r="F156" s="5">
        <v>64</v>
      </c>
      <c r="G156" s="5" t="s">
        <v>118</v>
      </c>
      <c r="H156" s="5" t="s">
        <v>187</v>
      </c>
      <c r="I156" s="5">
        <v>32</v>
      </c>
      <c r="J156" s="5">
        <v>32</v>
      </c>
      <c r="K156" s="5">
        <v>32</v>
      </c>
      <c r="L156" s="5">
        <v>32</v>
      </c>
      <c r="M156" s="5">
        <v>256</v>
      </c>
    </row>
    <row r="157" spans="2:13">
      <c r="B157" s="4" t="s">
        <v>196</v>
      </c>
      <c r="C157" s="4" t="s">
        <v>197</v>
      </c>
      <c r="D157" s="4" t="s">
        <v>186</v>
      </c>
      <c r="E157" s="4" t="s">
        <v>135</v>
      </c>
      <c r="F157" s="4">
        <v>64</v>
      </c>
      <c r="G157" s="4" t="s">
        <v>118</v>
      </c>
      <c r="H157" s="4" t="s">
        <v>187</v>
      </c>
      <c r="I157" s="4">
        <v>32</v>
      </c>
      <c r="J157" s="4">
        <v>32</v>
      </c>
      <c r="K157" s="4">
        <v>32</v>
      </c>
      <c r="L157" s="4">
        <v>32</v>
      </c>
      <c r="M157" s="4">
        <v>256</v>
      </c>
    </row>
    <row r="158" spans="2:13">
      <c r="B158" s="5" t="s">
        <v>196</v>
      </c>
      <c r="C158" s="5" t="s">
        <v>198</v>
      </c>
      <c r="D158" s="5" t="s">
        <v>186</v>
      </c>
      <c r="E158" s="5" t="s">
        <v>134</v>
      </c>
      <c r="F158" s="5">
        <v>64</v>
      </c>
      <c r="G158" s="5" t="s">
        <v>189</v>
      </c>
      <c r="H158" s="5" t="s">
        <v>190</v>
      </c>
      <c r="I158" s="5">
        <v>32</v>
      </c>
      <c r="J158" s="5">
        <v>32</v>
      </c>
      <c r="K158" s="5">
        <v>32</v>
      </c>
      <c r="L158" s="5">
        <v>32</v>
      </c>
      <c r="M158" s="5">
        <v>256</v>
      </c>
    </row>
    <row r="159" spans="2:13">
      <c r="B159" s="4" t="s">
        <v>196</v>
      </c>
      <c r="C159" s="4" t="s">
        <v>198</v>
      </c>
      <c r="D159" s="4" t="s">
        <v>186</v>
      </c>
      <c r="E159" s="4" t="s">
        <v>135</v>
      </c>
      <c r="F159" s="4">
        <v>64</v>
      </c>
      <c r="G159" s="4" t="s">
        <v>189</v>
      </c>
      <c r="H159" s="4" t="s">
        <v>190</v>
      </c>
      <c r="I159" s="4">
        <v>32</v>
      </c>
      <c r="J159" s="4">
        <v>32</v>
      </c>
      <c r="K159" s="4">
        <v>32</v>
      </c>
      <c r="L159" s="4">
        <v>32</v>
      </c>
      <c r="M159" s="4">
        <v>256</v>
      </c>
    </row>
    <row r="160" spans="2:13">
      <c r="B160" s="5" t="s">
        <v>196</v>
      </c>
      <c r="C160" s="5" t="s">
        <v>199</v>
      </c>
      <c r="D160" s="5" t="s">
        <v>186</v>
      </c>
      <c r="E160" s="5" t="s">
        <v>134</v>
      </c>
      <c r="F160" s="5">
        <v>64</v>
      </c>
      <c r="G160" s="5" t="s">
        <v>194</v>
      </c>
      <c r="H160" s="5" t="s">
        <v>195</v>
      </c>
      <c r="I160" s="5">
        <v>32</v>
      </c>
      <c r="J160" s="5">
        <v>32</v>
      </c>
      <c r="K160" s="5">
        <v>32</v>
      </c>
      <c r="L160" s="5">
        <v>32</v>
      </c>
      <c r="M160" s="5">
        <v>256</v>
      </c>
    </row>
    <row r="161" spans="2:13">
      <c r="B161" s="4" t="s">
        <v>196</v>
      </c>
      <c r="C161" s="4" t="s">
        <v>199</v>
      </c>
      <c r="D161" s="4" t="s">
        <v>186</v>
      </c>
      <c r="E161" s="4" t="s">
        <v>135</v>
      </c>
      <c r="F161" s="4">
        <v>64</v>
      </c>
      <c r="G161" s="4" t="s">
        <v>194</v>
      </c>
      <c r="H161" s="4" t="s">
        <v>195</v>
      </c>
      <c r="I161" s="4">
        <v>32</v>
      </c>
      <c r="J161" s="4">
        <v>32</v>
      </c>
      <c r="K161" s="4">
        <v>32</v>
      </c>
      <c r="L161" s="4">
        <v>32</v>
      </c>
      <c r="M161" s="4">
        <v>256</v>
      </c>
    </row>
    <row r="162" spans="2:13">
      <c r="B162" s="5" t="s">
        <v>196</v>
      </c>
      <c r="C162" s="5" t="s">
        <v>200</v>
      </c>
      <c r="D162" s="5" t="s">
        <v>186</v>
      </c>
      <c r="E162" s="5" t="s">
        <v>192</v>
      </c>
      <c r="F162" s="5">
        <v>100</v>
      </c>
      <c r="G162" s="5" t="s">
        <v>189</v>
      </c>
      <c r="H162" s="5" t="s">
        <v>190</v>
      </c>
      <c r="I162" s="5">
        <v>32</v>
      </c>
      <c r="J162" s="5">
        <v>32</v>
      </c>
      <c r="K162" s="5">
        <v>32</v>
      </c>
      <c r="L162" s="5">
        <v>32</v>
      </c>
      <c r="M162" s="5">
        <v>256</v>
      </c>
    </row>
    <row r="163" spans="2:13">
      <c r="B163" s="4" t="s">
        <v>196</v>
      </c>
      <c r="C163" s="4" t="s">
        <v>201</v>
      </c>
      <c r="D163" s="4" t="s">
        <v>186</v>
      </c>
      <c r="E163" s="4" t="s">
        <v>192</v>
      </c>
      <c r="F163" s="4">
        <v>100</v>
      </c>
      <c r="G163" s="4" t="s">
        <v>194</v>
      </c>
      <c r="H163" s="4" t="s">
        <v>195</v>
      </c>
      <c r="I163" s="4">
        <v>32</v>
      </c>
      <c r="J163" s="4">
        <v>32</v>
      </c>
      <c r="K163" s="4">
        <v>32</v>
      </c>
      <c r="L163" s="4">
        <v>32</v>
      </c>
      <c r="M163" s="4">
        <v>256</v>
      </c>
    </row>
    <row r="164" spans="2:13">
      <c r="B164" s="5" t="s">
        <v>202</v>
      </c>
      <c r="C164" s="5" t="s">
        <v>203</v>
      </c>
      <c r="D164" s="5" t="s">
        <v>186</v>
      </c>
      <c r="E164" s="5" t="s">
        <v>192</v>
      </c>
      <c r="F164" s="5">
        <v>100</v>
      </c>
      <c r="G164" s="5" t="s">
        <v>189</v>
      </c>
      <c r="H164" s="5" t="s">
        <v>190</v>
      </c>
      <c r="I164" s="5">
        <v>32</v>
      </c>
      <c r="J164" s="5">
        <v>32</v>
      </c>
      <c r="K164" s="5">
        <v>32</v>
      </c>
      <c r="L164" s="5">
        <v>32</v>
      </c>
      <c r="M164" s="5">
        <v>256</v>
      </c>
    </row>
    <row r="165" spans="2:13">
      <c r="B165" s="3" t="s">
        <v>202</v>
      </c>
      <c r="C165" s="3" t="s">
        <v>204</v>
      </c>
      <c r="D165" s="3" t="s">
        <v>186</v>
      </c>
      <c r="E165" s="3" t="s">
        <v>192</v>
      </c>
      <c r="F165" s="3">
        <v>100</v>
      </c>
      <c r="G165" s="3" t="s">
        <v>194</v>
      </c>
      <c r="H165" s="3" t="s">
        <v>195</v>
      </c>
      <c r="I165" s="3">
        <v>32</v>
      </c>
      <c r="J165" s="3">
        <v>32</v>
      </c>
      <c r="K165" s="3">
        <v>32</v>
      </c>
      <c r="L165" s="3">
        <v>32</v>
      </c>
      <c r="M165" s="3">
        <v>256</v>
      </c>
    </row>
    <row r="166" spans="2:13">
      <c r="B166" s="5" t="s">
        <v>202</v>
      </c>
      <c r="C166" s="5" t="s">
        <v>205</v>
      </c>
      <c r="D166" s="5" t="s">
        <v>186</v>
      </c>
      <c r="E166" s="5" t="s">
        <v>206</v>
      </c>
      <c r="F166" s="5">
        <v>128</v>
      </c>
      <c r="G166" s="5" t="s">
        <v>189</v>
      </c>
      <c r="H166" s="5" t="s">
        <v>190</v>
      </c>
      <c r="I166" s="5">
        <v>32</v>
      </c>
      <c r="J166" s="5">
        <v>32</v>
      </c>
      <c r="K166" s="5">
        <v>32</v>
      </c>
      <c r="L166" s="5">
        <v>32</v>
      </c>
      <c r="M166" s="5">
        <v>256</v>
      </c>
    </row>
    <row r="167" spans="2:13">
      <c r="B167" s="4" t="s">
        <v>202</v>
      </c>
      <c r="C167" s="4" t="s">
        <v>207</v>
      </c>
      <c r="D167" s="4" t="s">
        <v>186</v>
      </c>
      <c r="E167" s="4" t="s">
        <v>206</v>
      </c>
      <c r="F167" s="4">
        <v>128</v>
      </c>
      <c r="G167" s="4" t="s">
        <v>194</v>
      </c>
      <c r="H167" s="4" t="s">
        <v>195</v>
      </c>
      <c r="I167" s="4">
        <v>32</v>
      </c>
      <c r="J167" s="4">
        <v>32</v>
      </c>
      <c r="K167" s="4">
        <v>32</v>
      </c>
      <c r="L167" s="4">
        <v>32</v>
      </c>
      <c r="M167" s="4">
        <v>256</v>
      </c>
    </row>
    <row r="168" spans="2:13">
      <c r="B168" s="5" t="s">
        <v>208</v>
      </c>
      <c r="C168" s="5" t="s">
        <v>209</v>
      </c>
      <c r="D168" s="5" t="s">
        <v>186</v>
      </c>
      <c r="E168" s="5" t="s">
        <v>120</v>
      </c>
      <c r="F168" s="5">
        <v>48</v>
      </c>
      <c r="G168" s="5" t="s">
        <v>118</v>
      </c>
      <c r="H168" s="5" t="s">
        <v>187</v>
      </c>
      <c r="I168" s="5">
        <v>22</v>
      </c>
      <c r="J168" s="5">
        <v>22</v>
      </c>
      <c r="K168" s="5">
        <v>22</v>
      </c>
      <c r="L168" s="5">
        <v>22</v>
      </c>
      <c r="M168" s="5">
        <v>121</v>
      </c>
    </row>
    <row r="169" spans="2:13">
      <c r="B169" s="4" t="s">
        <v>208</v>
      </c>
      <c r="C169" s="4" t="s">
        <v>210</v>
      </c>
      <c r="D169" s="4" t="s">
        <v>186</v>
      </c>
      <c r="E169" s="4" t="s">
        <v>120</v>
      </c>
      <c r="F169" s="4">
        <v>48</v>
      </c>
      <c r="G169" s="4" t="s">
        <v>189</v>
      </c>
      <c r="H169" s="4" t="s">
        <v>190</v>
      </c>
      <c r="I169" s="4">
        <v>22</v>
      </c>
      <c r="J169" s="4">
        <v>22</v>
      </c>
      <c r="K169" s="4">
        <v>22</v>
      </c>
      <c r="L169" s="4">
        <v>22</v>
      </c>
      <c r="M169" s="4">
        <v>121</v>
      </c>
    </row>
    <row r="170" spans="2:13">
      <c r="B170" s="5" t="s">
        <v>208</v>
      </c>
      <c r="C170" s="5" t="s">
        <v>211</v>
      </c>
      <c r="D170" s="5" t="s">
        <v>186</v>
      </c>
      <c r="E170" s="5" t="s">
        <v>134</v>
      </c>
      <c r="F170" s="5">
        <v>64</v>
      </c>
      <c r="G170" s="5" t="s">
        <v>118</v>
      </c>
      <c r="H170" s="5" t="s">
        <v>187</v>
      </c>
      <c r="I170" s="5">
        <v>32</v>
      </c>
      <c r="J170" s="5">
        <v>32</v>
      </c>
      <c r="K170" s="5">
        <v>32</v>
      </c>
      <c r="L170" s="5">
        <v>32</v>
      </c>
      <c r="M170" s="5">
        <v>256</v>
      </c>
    </row>
    <row r="171" spans="2:13">
      <c r="B171" s="4" t="s">
        <v>208</v>
      </c>
      <c r="C171" s="4" t="s">
        <v>211</v>
      </c>
      <c r="D171" s="4" t="s">
        <v>186</v>
      </c>
      <c r="E171" s="4" t="s">
        <v>135</v>
      </c>
      <c r="F171" s="4">
        <v>64</v>
      </c>
      <c r="G171" s="4" t="s">
        <v>118</v>
      </c>
      <c r="H171" s="4" t="s">
        <v>187</v>
      </c>
      <c r="I171" s="4">
        <v>32</v>
      </c>
      <c r="J171" s="4">
        <v>32</v>
      </c>
      <c r="K171" s="4">
        <v>32</v>
      </c>
      <c r="L171" s="4">
        <v>32</v>
      </c>
      <c r="M171" s="4">
        <v>256</v>
      </c>
    </row>
    <row r="172" spans="2:13">
      <c r="B172" s="5" t="s">
        <v>208</v>
      </c>
      <c r="C172" s="5" t="s">
        <v>212</v>
      </c>
      <c r="D172" s="5" t="s">
        <v>186</v>
      </c>
      <c r="E172" s="5" t="s">
        <v>213</v>
      </c>
      <c r="F172" s="5">
        <v>64</v>
      </c>
      <c r="G172" s="5" t="s">
        <v>189</v>
      </c>
      <c r="H172" s="5" t="s">
        <v>190</v>
      </c>
      <c r="I172" s="5">
        <v>32</v>
      </c>
      <c r="J172" s="5">
        <v>32</v>
      </c>
      <c r="K172" s="5">
        <v>32</v>
      </c>
      <c r="L172" s="5">
        <v>32</v>
      </c>
      <c r="M172" s="5">
        <v>256</v>
      </c>
    </row>
    <row r="173" spans="2:13">
      <c r="B173" s="4" t="s">
        <v>208</v>
      </c>
      <c r="C173" s="4" t="s">
        <v>212</v>
      </c>
      <c r="D173" s="4" t="s">
        <v>186</v>
      </c>
      <c r="E173" s="4" t="s">
        <v>134</v>
      </c>
      <c r="F173" s="4">
        <v>64</v>
      </c>
      <c r="G173" s="4" t="s">
        <v>189</v>
      </c>
      <c r="H173" s="4" t="s">
        <v>190</v>
      </c>
      <c r="I173" s="4">
        <v>32</v>
      </c>
      <c r="J173" s="4">
        <v>32</v>
      </c>
      <c r="K173" s="4">
        <v>32</v>
      </c>
      <c r="L173" s="4">
        <v>32</v>
      </c>
      <c r="M173" s="4">
        <v>256</v>
      </c>
    </row>
    <row r="174" spans="2:13">
      <c r="B174" s="6" t="s">
        <v>208</v>
      </c>
      <c r="C174" s="6" t="s">
        <v>212</v>
      </c>
      <c r="D174" s="6" t="s">
        <v>186</v>
      </c>
      <c r="E174" s="6" t="s">
        <v>135</v>
      </c>
      <c r="F174" s="6">
        <v>64</v>
      </c>
      <c r="G174" s="6" t="s">
        <v>189</v>
      </c>
      <c r="H174" s="6" t="s">
        <v>190</v>
      </c>
      <c r="I174" s="6">
        <v>32</v>
      </c>
      <c r="J174" s="6">
        <v>32</v>
      </c>
      <c r="K174" s="6">
        <v>32</v>
      </c>
      <c r="L174" s="6">
        <v>32</v>
      </c>
      <c r="M174" s="6">
        <v>256</v>
      </c>
    </row>
    <row r="175" spans="2:13">
      <c r="B175" s="7" t="s">
        <v>208</v>
      </c>
      <c r="C175" s="7" t="s">
        <v>214</v>
      </c>
      <c r="D175" s="7" t="s">
        <v>186</v>
      </c>
      <c r="E175" s="7" t="s">
        <v>213</v>
      </c>
      <c r="F175" s="7">
        <v>64</v>
      </c>
      <c r="G175" s="7" t="s">
        <v>194</v>
      </c>
      <c r="H175" s="7" t="s">
        <v>195</v>
      </c>
      <c r="I175" s="7">
        <v>32</v>
      </c>
      <c r="J175" s="7">
        <v>32</v>
      </c>
      <c r="K175" s="7">
        <v>32</v>
      </c>
      <c r="L175" s="7">
        <v>32</v>
      </c>
      <c r="M175" s="7">
        <v>256</v>
      </c>
    </row>
    <row r="176" spans="2:13">
      <c r="B176" s="8" t="s">
        <v>208</v>
      </c>
      <c r="C176" s="8" t="s">
        <v>214</v>
      </c>
      <c r="D176" s="8" t="s">
        <v>186</v>
      </c>
      <c r="E176" s="8" t="s">
        <v>134</v>
      </c>
      <c r="F176" s="8">
        <v>64</v>
      </c>
      <c r="G176" s="8" t="s">
        <v>194</v>
      </c>
      <c r="H176" s="8" t="s">
        <v>195</v>
      </c>
      <c r="I176" s="8">
        <v>32</v>
      </c>
      <c r="J176" s="8">
        <v>32</v>
      </c>
      <c r="K176" s="8">
        <v>32</v>
      </c>
      <c r="L176" s="8">
        <v>32</v>
      </c>
      <c r="M176" s="8">
        <v>256</v>
      </c>
    </row>
    <row r="177" spans="2:13">
      <c r="B177" s="4" t="s">
        <v>208</v>
      </c>
      <c r="C177" s="4" t="s">
        <v>214</v>
      </c>
      <c r="D177" s="4" t="s">
        <v>186</v>
      </c>
      <c r="E177" s="4" t="s">
        <v>135</v>
      </c>
      <c r="F177" s="4">
        <v>64</v>
      </c>
      <c r="G177" s="4" t="s">
        <v>194</v>
      </c>
      <c r="H177" s="4" t="s">
        <v>195</v>
      </c>
      <c r="I177" s="4">
        <v>32</v>
      </c>
      <c r="J177" s="4">
        <v>32</v>
      </c>
      <c r="K177" s="4">
        <v>32</v>
      </c>
      <c r="L177" s="4">
        <v>32</v>
      </c>
      <c r="M177" s="4">
        <v>256</v>
      </c>
    </row>
    <row r="178" spans="2:13">
      <c r="B178" s="5" t="s">
        <v>208</v>
      </c>
      <c r="C178" s="5" t="s">
        <v>215</v>
      </c>
      <c r="D178" s="5" t="s">
        <v>186</v>
      </c>
      <c r="E178" s="5" t="s">
        <v>192</v>
      </c>
      <c r="F178" s="5">
        <v>100</v>
      </c>
      <c r="G178" s="5" t="s">
        <v>189</v>
      </c>
      <c r="H178" s="5" t="s">
        <v>190</v>
      </c>
      <c r="I178" s="5">
        <v>32</v>
      </c>
      <c r="J178" s="5">
        <v>32</v>
      </c>
      <c r="K178" s="5">
        <v>32</v>
      </c>
      <c r="L178" s="5">
        <v>32</v>
      </c>
      <c r="M178" s="5">
        <v>256</v>
      </c>
    </row>
    <row r="179" spans="2:13">
      <c r="B179" s="4" t="s">
        <v>208</v>
      </c>
      <c r="C179" s="4" t="s">
        <v>216</v>
      </c>
      <c r="D179" s="4" t="s">
        <v>186</v>
      </c>
      <c r="E179" s="4" t="s">
        <v>192</v>
      </c>
      <c r="F179" s="4">
        <v>100</v>
      </c>
      <c r="G179" s="4" t="s">
        <v>194</v>
      </c>
      <c r="H179" s="4" t="s">
        <v>195</v>
      </c>
      <c r="I179" s="4">
        <v>32</v>
      </c>
      <c r="J179" s="4">
        <v>32</v>
      </c>
      <c r="K179" s="4">
        <v>32</v>
      </c>
      <c r="L179" s="4">
        <v>32</v>
      </c>
      <c r="M179" s="4">
        <v>256</v>
      </c>
    </row>
    <row r="180" spans="2:13">
      <c r="B180" s="5" t="s">
        <v>208</v>
      </c>
      <c r="C180" s="5" t="s">
        <v>217</v>
      </c>
      <c r="D180" s="5" t="s">
        <v>186</v>
      </c>
      <c r="E180" s="5" t="s">
        <v>206</v>
      </c>
      <c r="F180" s="5">
        <v>128</v>
      </c>
      <c r="G180" s="5" t="s">
        <v>189</v>
      </c>
      <c r="H180" s="5" t="s">
        <v>190</v>
      </c>
      <c r="I180" s="5">
        <v>32</v>
      </c>
      <c r="J180" s="5">
        <v>32</v>
      </c>
      <c r="K180" s="5">
        <v>32</v>
      </c>
      <c r="L180" s="5">
        <v>32</v>
      </c>
      <c r="M180" s="5">
        <v>256</v>
      </c>
    </row>
    <row r="181" spans="2:13">
      <c r="B181" s="4" t="s">
        <v>208</v>
      </c>
      <c r="C181" s="4" t="s">
        <v>218</v>
      </c>
      <c r="D181" s="4" t="s">
        <v>186</v>
      </c>
      <c r="E181" s="4" t="s">
        <v>206</v>
      </c>
      <c r="F181" s="4">
        <v>128</v>
      </c>
      <c r="G181" s="4" t="s">
        <v>194</v>
      </c>
      <c r="H181" s="4" t="s">
        <v>195</v>
      </c>
      <c r="I181" s="4">
        <v>32</v>
      </c>
      <c r="J181" s="4">
        <v>32</v>
      </c>
      <c r="K181" s="4">
        <v>32</v>
      </c>
      <c r="L181" s="4">
        <v>32</v>
      </c>
      <c r="M181" s="4">
        <v>256</v>
      </c>
    </row>
    <row r="182" spans="2:13">
      <c r="B182" s="4" t="s">
        <v>219</v>
      </c>
      <c r="C182" s="4" t="s">
        <v>220</v>
      </c>
      <c r="D182" s="4" t="s">
        <v>76</v>
      </c>
      <c r="E182" s="4" t="s">
        <v>106</v>
      </c>
      <c r="F182" s="4">
        <v>32</v>
      </c>
      <c r="G182" s="4" t="s">
        <v>110</v>
      </c>
      <c r="H182" s="4" t="s">
        <v>108</v>
      </c>
      <c r="I182" s="4">
        <v>16</v>
      </c>
      <c r="J182" s="4">
        <v>10</v>
      </c>
      <c r="K182" s="4">
        <v>16</v>
      </c>
      <c r="L182" s="4">
        <v>16</v>
      </c>
      <c r="M182" s="4">
        <v>64</v>
      </c>
    </row>
    <row r="183" spans="2:13">
      <c r="B183" s="5" t="s">
        <v>219</v>
      </c>
      <c r="C183" s="5" t="s">
        <v>220</v>
      </c>
      <c r="D183" s="5" t="s">
        <v>76</v>
      </c>
      <c r="E183" s="5" t="s">
        <v>89</v>
      </c>
      <c r="F183" s="5">
        <v>32</v>
      </c>
      <c r="G183" s="5" t="s">
        <v>110</v>
      </c>
      <c r="H183" s="5" t="s">
        <v>108</v>
      </c>
      <c r="I183" s="5">
        <v>16</v>
      </c>
      <c r="J183" s="5">
        <v>10</v>
      </c>
      <c r="K183" s="5">
        <v>16</v>
      </c>
      <c r="L183" s="5">
        <v>16</v>
      </c>
      <c r="M183" s="5">
        <v>64</v>
      </c>
    </row>
    <row r="184" spans="2:13">
      <c r="B184" s="4" t="s">
        <v>219</v>
      </c>
      <c r="C184" s="4" t="s">
        <v>221</v>
      </c>
      <c r="D184" s="4" t="s">
        <v>76</v>
      </c>
      <c r="E184" s="4" t="s">
        <v>89</v>
      </c>
      <c r="F184" s="4">
        <v>32</v>
      </c>
      <c r="G184" s="4" t="s">
        <v>127</v>
      </c>
      <c r="H184" s="4" t="s">
        <v>125</v>
      </c>
      <c r="I184" s="4">
        <v>16</v>
      </c>
      <c r="J184" s="4">
        <v>10</v>
      </c>
      <c r="K184" s="4">
        <v>16</v>
      </c>
      <c r="L184" s="4">
        <v>16</v>
      </c>
      <c r="M184" s="4">
        <v>64</v>
      </c>
    </row>
    <row r="185" spans="2:13">
      <c r="B185" s="5" t="s">
        <v>219</v>
      </c>
      <c r="C185" s="5" t="s">
        <v>221</v>
      </c>
      <c r="D185" s="5" t="s">
        <v>76</v>
      </c>
      <c r="E185" s="5" t="s">
        <v>106</v>
      </c>
      <c r="F185" s="5">
        <v>32</v>
      </c>
      <c r="G185" s="5" t="s">
        <v>127</v>
      </c>
      <c r="H185" s="5" t="s">
        <v>125</v>
      </c>
      <c r="I185" s="5">
        <v>16</v>
      </c>
      <c r="J185" s="5">
        <v>10</v>
      </c>
      <c r="K185" s="5">
        <v>16</v>
      </c>
      <c r="L185" s="5">
        <v>16</v>
      </c>
      <c r="M185" s="5">
        <v>64</v>
      </c>
    </row>
    <row r="186" spans="2:13">
      <c r="B186" s="4" t="s">
        <v>219</v>
      </c>
      <c r="C186" s="4" t="s">
        <v>222</v>
      </c>
      <c r="D186" s="4" t="s">
        <v>76</v>
      </c>
      <c r="E186" s="4" t="s">
        <v>89</v>
      </c>
      <c r="F186" s="4">
        <v>32</v>
      </c>
      <c r="G186" s="4" t="s">
        <v>223</v>
      </c>
      <c r="H186" s="4" t="s">
        <v>116</v>
      </c>
      <c r="I186" s="4">
        <v>16</v>
      </c>
      <c r="J186" s="4">
        <v>10</v>
      </c>
      <c r="K186" s="4">
        <v>16</v>
      </c>
      <c r="L186" s="4">
        <v>16</v>
      </c>
      <c r="M186" s="4">
        <v>64</v>
      </c>
    </row>
    <row r="187" spans="2:13">
      <c r="B187" s="5" t="s">
        <v>219</v>
      </c>
      <c r="C187" s="5" t="s">
        <v>222</v>
      </c>
      <c r="D187" s="5" t="s">
        <v>76</v>
      </c>
      <c r="E187" s="5" t="s">
        <v>106</v>
      </c>
      <c r="F187" s="5">
        <v>32</v>
      </c>
      <c r="G187" s="5" t="s">
        <v>223</v>
      </c>
      <c r="H187" s="5" t="s">
        <v>116</v>
      </c>
      <c r="I187" s="5">
        <v>16</v>
      </c>
      <c r="J187" s="5">
        <v>10</v>
      </c>
      <c r="K187" s="5">
        <v>16</v>
      </c>
      <c r="L187" s="5">
        <v>16</v>
      </c>
      <c r="M187" s="5">
        <v>64</v>
      </c>
    </row>
    <row r="188" spans="2:13">
      <c r="B188" s="4" t="s">
        <v>219</v>
      </c>
      <c r="C188" s="4" t="s">
        <v>224</v>
      </c>
      <c r="D188" s="4" t="s">
        <v>76</v>
      </c>
      <c r="E188" s="4" t="s">
        <v>106</v>
      </c>
      <c r="F188" s="4">
        <v>32</v>
      </c>
      <c r="G188" s="4" t="s">
        <v>195</v>
      </c>
      <c r="H188" s="4" t="s">
        <v>107</v>
      </c>
      <c r="I188" s="4">
        <v>16</v>
      </c>
      <c r="J188" s="4">
        <v>10</v>
      </c>
      <c r="K188" s="4">
        <v>16</v>
      </c>
      <c r="L188" s="4">
        <v>16</v>
      </c>
      <c r="M188" s="4">
        <v>64</v>
      </c>
    </row>
    <row r="189" spans="2:13">
      <c r="B189" s="5" t="s">
        <v>219</v>
      </c>
      <c r="C189" s="5" t="s">
        <v>224</v>
      </c>
      <c r="D189" s="5" t="s">
        <v>76</v>
      </c>
      <c r="E189" s="5" t="s">
        <v>89</v>
      </c>
      <c r="F189" s="5">
        <v>32</v>
      </c>
      <c r="G189" s="5" t="s">
        <v>195</v>
      </c>
      <c r="H189" s="5" t="s">
        <v>107</v>
      </c>
      <c r="I189" s="5">
        <v>16</v>
      </c>
      <c r="J189" s="5">
        <v>10</v>
      </c>
      <c r="K189" s="5">
        <v>16</v>
      </c>
      <c r="L189" s="5">
        <v>16</v>
      </c>
      <c r="M189" s="5">
        <v>64</v>
      </c>
    </row>
    <row r="190" spans="2:13">
      <c r="B190" s="3" t="s">
        <v>219</v>
      </c>
      <c r="C190" s="3" t="s">
        <v>225</v>
      </c>
      <c r="D190" s="3" t="s">
        <v>76</v>
      </c>
      <c r="E190" s="3" t="s">
        <v>120</v>
      </c>
      <c r="F190" s="3">
        <v>48</v>
      </c>
      <c r="G190" s="3" t="s">
        <v>110</v>
      </c>
      <c r="H190" s="3" t="s">
        <v>108</v>
      </c>
      <c r="I190" s="3">
        <v>22</v>
      </c>
      <c r="J190" s="3">
        <v>12</v>
      </c>
      <c r="K190" s="3">
        <v>22</v>
      </c>
      <c r="L190" s="3">
        <v>22</v>
      </c>
      <c r="M190" s="3">
        <v>64</v>
      </c>
    </row>
    <row r="191" spans="2:13">
      <c r="B191" s="5" t="s">
        <v>219</v>
      </c>
      <c r="C191" s="5" t="s">
        <v>225</v>
      </c>
      <c r="D191" s="5" t="s">
        <v>76</v>
      </c>
      <c r="E191" s="5" t="s">
        <v>121</v>
      </c>
      <c r="F191" s="5">
        <v>48</v>
      </c>
      <c r="G191" s="5" t="s">
        <v>110</v>
      </c>
      <c r="H191" s="5" t="s">
        <v>108</v>
      </c>
      <c r="I191" s="5">
        <v>22</v>
      </c>
      <c r="J191" s="5">
        <v>12</v>
      </c>
      <c r="K191" s="5">
        <v>22</v>
      </c>
      <c r="L191" s="5">
        <v>22</v>
      </c>
      <c r="M191" s="5">
        <v>64</v>
      </c>
    </row>
    <row r="192" spans="2:13">
      <c r="B192" s="4" t="s">
        <v>219</v>
      </c>
      <c r="C192" s="4" t="s">
        <v>226</v>
      </c>
      <c r="D192" s="4" t="s">
        <v>76</v>
      </c>
      <c r="E192" s="4" t="s">
        <v>120</v>
      </c>
      <c r="F192" s="4">
        <v>48</v>
      </c>
      <c r="G192" s="4" t="s">
        <v>127</v>
      </c>
      <c r="H192" s="4" t="s">
        <v>125</v>
      </c>
      <c r="I192" s="4">
        <v>22</v>
      </c>
      <c r="J192" s="4">
        <v>12</v>
      </c>
      <c r="K192" s="4">
        <v>22</v>
      </c>
      <c r="L192" s="4">
        <v>22</v>
      </c>
      <c r="M192" s="4">
        <v>121</v>
      </c>
    </row>
    <row r="193" spans="2:13">
      <c r="B193" s="5" t="s">
        <v>219</v>
      </c>
      <c r="C193" s="5" t="s">
        <v>226</v>
      </c>
      <c r="D193" s="5" t="s">
        <v>76</v>
      </c>
      <c r="E193" s="5" t="s">
        <v>121</v>
      </c>
      <c r="F193" s="5">
        <v>48</v>
      </c>
      <c r="G193" s="5" t="s">
        <v>127</v>
      </c>
      <c r="H193" s="5" t="s">
        <v>125</v>
      </c>
      <c r="I193" s="5">
        <v>22</v>
      </c>
      <c r="J193" s="5">
        <v>12</v>
      </c>
      <c r="K193" s="5">
        <v>22</v>
      </c>
      <c r="L193" s="5">
        <v>22</v>
      </c>
      <c r="M193" s="5">
        <v>121</v>
      </c>
    </row>
    <row r="194" spans="2:13">
      <c r="B194" s="4" t="s">
        <v>219</v>
      </c>
      <c r="C194" s="4" t="s">
        <v>227</v>
      </c>
      <c r="D194" s="4" t="s">
        <v>76</v>
      </c>
      <c r="E194" s="4" t="s">
        <v>120</v>
      </c>
      <c r="F194" s="4">
        <v>48</v>
      </c>
      <c r="G194" s="4" t="s">
        <v>223</v>
      </c>
      <c r="H194" s="4" t="s">
        <v>116</v>
      </c>
      <c r="I194" s="4">
        <v>22</v>
      </c>
      <c r="J194" s="4">
        <v>12</v>
      </c>
      <c r="K194" s="4">
        <v>22</v>
      </c>
      <c r="L194" s="4">
        <v>22</v>
      </c>
      <c r="M194" s="4">
        <v>121</v>
      </c>
    </row>
    <row r="195" spans="2:13">
      <c r="B195" s="5" t="s">
        <v>219</v>
      </c>
      <c r="C195" s="5" t="s">
        <v>227</v>
      </c>
      <c r="D195" s="5" t="s">
        <v>76</v>
      </c>
      <c r="E195" s="5" t="s">
        <v>121</v>
      </c>
      <c r="F195" s="5">
        <v>48</v>
      </c>
      <c r="G195" s="5" t="s">
        <v>223</v>
      </c>
      <c r="H195" s="5" t="s">
        <v>116</v>
      </c>
      <c r="I195" s="5">
        <v>22</v>
      </c>
      <c r="J195" s="5">
        <v>12</v>
      </c>
      <c r="K195" s="5">
        <v>22</v>
      </c>
      <c r="L195" s="5">
        <v>22</v>
      </c>
      <c r="M195" s="5">
        <v>121</v>
      </c>
    </row>
    <row r="196" spans="2:13">
      <c r="B196" s="4" t="s">
        <v>219</v>
      </c>
      <c r="C196" s="4" t="s">
        <v>228</v>
      </c>
      <c r="D196" s="4" t="s">
        <v>76</v>
      </c>
      <c r="E196" s="4" t="s">
        <v>120</v>
      </c>
      <c r="F196" s="4">
        <v>48</v>
      </c>
      <c r="G196" s="4" t="s">
        <v>195</v>
      </c>
      <c r="H196" s="4" t="s">
        <v>107</v>
      </c>
      <c r="I196" s="4">
        <v>22</v>
      </c>
      <c r="J196" s="4">
        <v>12</v>
      </c>
      <c r="K196" s="4">
        <v>22</v>
      </c>
      <c r="L196" s="4">
        <v>22</v>
      </c>
      <c r="M196" s="4">
        <v>121</v>
      </c>
    </row>
    <row r="197" spans="2:13">
      <c r="B197" s="5" t="s">
        <v>219</v>
      </c>
      <c r="C197" s="5" t="s">
        <v>228</v>
      </c>
      <c r="D197" s="5" t="s">
        <v>76</v>
      </c>
      <c r="E197" s="5" t="s">
        <v>121</v>
      </c>
      <c r="F197" s="5">
        <v>48</v>
      </c>
      <c r="G197" s="5" t="s">
        <v>195</v>
      </c>
      <c r="H197" s="5" t="s">
        <v>107</v>
      </c>
      <c r="I197" s="5">
        <v>22</v>
      </c>
      <c r="J197" s="5">
        <v>12</v>
      </c>
      <c r="K197" s="5">
        <v>22</v>
      </c>
      <c r="L197" s="5">
        <v>22</v>
      </c>
      <c r="M197" s="5">
        <v>121</v>
      </c>
    </row>
    <row r="198" spans="2:13">
      <c r="B198" s="4" t="s">
        <v>219</v>
      </c>
      <c r="C198" s="4" t="s">
        <v>229</v>
      </c>
      <c r="D198" s="4" t="s">
        <v>76</v>
      </c>
      <c r="E198" s="4" t="s">
        <v>134</v>
      </c>
      <c r="F198" s="4">
        <v>64</v>
      </c>
      <c r="G198" s="4" t="s">
        <v>127</v>
      </c>
      <c r="H198" s="4" t="s">
        <v>125</v>
      </c>
      <c r="I198" s="4">
        <v>32</v>
      </c>
      <c r="J198" s="4">
        <v>16</v>
      </c>
      <c r="K198" s="4">
        <v>32</v>
      </c>
      <c r="L198" s="4">
        <v>32</v>
      </c>
      <c r="M198" s="4">
        <v>256</v>
      </c>
    </row>
    <row r="199" spans="2:13">
      <c r="B199" s="6" t="s">
        <v>219</v>
      </c>
      <c r="C199" s="6" t="s">
        <v>229</v>
      </c>
      <c r="D199" s="6" t="s">
        <v>76</v>
      </c>
      <c r="E199" s="6" t="s">
        <v>135</v>
      </c>
      <c r="F199" s="6">
        <v>64</v>
      </c>
      <c r="G199" s="6" t="s">
        <v>127</v>
      </c>
      <c r="H199" s="6" t="s">
        <v>125</v>
      </c>
      <c r="I199" s="6">
        <v>32</v>
      </c>
      <c r="J199" s="6">
        <v>16</v>
      </c>
      <c r="K199" s="6">
        <v>32</v>
      </c>
      <c r="L199" s="6">
        <v>32</v>
      </c>
      <c r="M199" s="6">
        <v>256</v>
      </c>
    </row>
    <row r="200" spans="2:13">
      <c r="B200" s="7" t="s">
        <v>219</v>
      </c>
      <c r="C200" s="7" t="s">
        <v>230</v>
      </c>
      <c r="D200" s="7" t="s">
        <v>76</v>
      </c>
      <c r="E200" s="7" t="s">
        <v>134</v>
      </c>
      <c r="F200" s="7">
        <v>64</v>
      </c>
      <c r="G200" s="7" t="s">
        <v>223</v>
      </c>
      <c r="H200" s="7" t="s">
        <v>116</v>
      </c>
      <c r="I200" s="7">
        <v>32</v>
      </c>
      <c r="J200" s="7">
        <v>16</v>
      </c>
      <c r="K200" s="7">
        <v>32</v>
      </c>
      <c r="L200" s="7">
        <v>32</v>
      </c>
      <c r="M200" s="7">
        <v>256</v>
      </c>
    </row>
    <row r="201" spans="2:13">
      <c r="B201" s="8" t="s">
        <v>219</v>
      </c>
      <c r="C201" s="8" t="s">
        <v>230</v>
      </c>
      <c r="D201" s="8" t="s">
        <v>76</v>
      </c>
      <c r="E201" s="8" t="s">
        <v>135</v>
      </c>
      <c r="F201" s="8">
        <v>64</v>
      </c>
      <c r="G201" s="8" t="s">
        <v>223</v>
      </c>
      <c r="H201" s="8" t="s">
        <v>116</v>
      </c>
      <c r="I201" s="8">
        <v>32</v>
      </c>
      <c r="J201" s="8">
        <v>16</v>
      </c>
      <c r="K201" s="8">
        <v>32</v>
      </c>
      <c r="L201" s="8">
        <v>32</v>
      </c>
      <c r="M201" s="8">
        <v>256</v>
      </c>
    </row>
    <row r="202" spans="2:13">
      <c r="B202" s="4" t="s">
        <v>219</v>
      </c>
      <c r="C202" s="4" t="s">
        <v>231</v>
      </c>
      <c r="D202" s="4" t="s">
        <v>76</v>
      </c>
      <c r="E202" s="4" t="s">
        <v>232</v>
      </c>
      <c r="F202" s="4">
        <v>56</v>
      </c>
      <c r="G202" s="4" t="s">
        <v>223</v>
      </c>
      <c r="H202" s="4" t="s">
        <v>116</v>
      </c>
      <c r="I202" s="4">
        <v>32</v>
      </c>
      <c r="J202" s="4">
        <v>16</v>
      </c>
      <c r="K202" s="4">
        <v>32</v>
      </c>
      <c r="L202" s="4">
        <v>32</v>
      </c>
      <c r="M202" s="4">
        <v>256</v>
      </c>
    </row>
    <row r="203" spans="2:13">
      <c r="B203" s="5" t="s">
        <v>219</v>
      </c>
      <c r="C203" s="5" t="s">
        <v>233</v>
      </c>
      <c r="D203" s="5" t="s">
        <v>76</v>
      </c>
      <c r="E203" s="5" t="s">
        <v>134</v>
      </c>
      <c r="F203" s="5">
        <v>64</v>
      </c>
      <c r="G203" s="5" t="s">
        <v>195</v>
      </c>
      <c r="H203" s="5" t="s">
        <v>107</v>
      </c>
      <c r="I203" s="5">
        <v>32</v>
      </c>
      <c r="J203" s="5">
        <v>16</v>
      </c>
      <c r="K203" s="5">
        <v>32</v>
      </c>
      <c r="L203" s="5">
        <v>32</v>
      </c>
      <c r="M203" s="5">
        <v>256</v>
      </c>
    </row>
    <row r="204" spans="2:13">
      <c r="B204" s="4" t="s">
        <v>219</v>
      </c>
      <c r="C204" s="4" t="s">
        <v>233</v>
      </c>
      <c r="D204" s="4" t="s">
        <v>76</v>
      </c>
      <c r="E204" s="4" t="s">
        <v>135</v>
      </c>
      <c r="F204" s="4">
        <v>64</v>
      </c>
      <c r="G204" s="4" t="s">
        <v>195</v>
      </c>
      <c r="H204" s="4" t="s">
        <v>107</v>
      </c>
      <c r="I204" s="4">
        <v>32</v>
      </c>
      <c r="J204" s="4">
        <v>16</v>
      </c>
      <c r="K204" s="4">
        <v>32</v>
      </c>
      <c r="L204" s="4">
        <v>32</v>
      </c>
      <c r="M204" s="4">
        <v>256</v>
      </c>
    </row>
    <row r="205" spans="2:13">
      <c r="B205" s="5" t="s">
        <v>219</v>
      </c>
      <c r="C205" s="5" t="s">
        <v>234</v>
      </c>
      <c r="D205" s="5" t="s">
        <v>76</v>
      </c>
      <c r="E205" s="5" t="s">
        <v>232</v>
      </c>
      <c r="F205" s="5">
        <v>56</v>
      </c>
      <c r="G205" s="5" t="s">
        <v>195</v>
      </c>
      <c r="H205" s="5" t="s">
        <v>107</v>
      </c>
      <c r="I205" s="5">
        <v>32</v>
      </c>
      <c r="J205" s="5">
        <v>16</v>
      </c>
      <c r="K205" s="5">
        <v>32</v>
      </c>
      <c r="L205" s="5">
        <v>32</v>
      </c>
      <c r="M205" s="5">
        <v>256</v>
      </c>
    </row>
    <row r="206" spans="2:13">
      <c r="B206" s="4" t="s">
        <v>219</v>
      </c>
      <c r="C206" s="4" t="s">
        <v>235</v>
      </c>
      <c r="D206" s="4" t="s">
        <v>76</v>
      </c>
      <c r="E206" s="4" t="s">
        <v>236</v>
      </c>
      <c r="F206" s="4">
        <v>100</v>
      </c>
      <c r="G206" s="4" t="s">
        <v>223</v>
      </c>
      <c r="H206" s="4" t="s">
        <v>116</v>
      </c>
      <c r="I206" s="4">
        <v>32</v>
      </c>
      <c r="J206" s="4">
        <v>16</v>
      </c>
      <c r="K206" s="4">
        <v>32</v>
      </c>
      <c r="L206" s="4">
        <v>32</v>
      </c>
      <c r="M206" s="4">
        <v>256</v>
      </c>
    </row>
    <row r="207" spans="2:13">
      <c r="B207" s="5" t="s">
        <v>219</v>
      </c>
      <c r="C207" s="5" t="s">
        <v>235</v>
      </c>
      <c r="D207" s="5" t="s">
        <v>76</v>
      </c>
      <c r="E207" s="5" t="s">
        <v>192</v>
      </c>
      <c r="F207" s="5">
        <v>100</v>
      </c>
      <c r="G207" s="5" t="s">
        <v>223</v>
      </c>
      <c r="H207" s="5" t="s">
        <v>116</v>
      </c>
      <c r="I207" s="5">
        <v>32</v>
      </c>
      <c r="J207" s="5">
        <v>16</v>
      </c>
      <c r="K207" s="5">
        <v>32</v>
      </c>
      <c r="L207" s="5">
        <v>32</v>
      </c>
      <c r="M207" s="5">
        <v>256</v>
      </c>
    </row>
    <row r="208" spans="2:13">
      <c r="B208" s="4" t="s">
        <v>219</v>
      </c>
      <c r="C208" s="4" t="s">
        <v>237</v>
      </c>
      <c r="D208" s="4" t="s">
        <v>76</v>
      </c>
      <c r="E208" s="4" t="s">
        <v>236</v>
      </c>
      <c r="F208" s="4">
        <v>100</v>
      </c>
      <c r="G208" s="4" t="s">
        <v>195</v>
      </c>
      <c r="H208" s="4" t="s">
        <v>107</v>
      </c>
      <c r="I208" s="4">
        <v>32</v>
      </c>
      <c r="J208" s="4">
        <v>16</v>
      </c>
      <c r="K208" s="4">
        <v>32</v>
      </c>
      <c r="L208" s="4">
        <v>32</v>
      </c>
      <c r="M208" s="4">
        <v>256</v>
      </c>
    </row>
    <row r="209" spans="2:13">
      <c r="B209" s="5" t="s">
        <v>219</v>
      </c>
      <c r="C209" s="5" t="s">
        <v>237</v>
      </c>
      <c r="D209" s="5" t="s">
        <v>76</v>
      </c>
      <c r="E209" s="5" t="s">
        <v>192</v>
      </c>
      <c r="F209" s="5">
        <v>100</v>
      </c>
      <c r="G209" s="5" t="s">
        <v>195</v>
      </c>
      <c r="H209" s="5" t="s">
        <v>107</v>
      </c>
      <c r="I209" s="5">
        <v>32</v>
      </c>
      <c r="J209" s="5">
        <v>16</v>
      </c>
      <c r="K209" s="5">
        <v>32</v>
      </c>
      <c r="L209" s="5">
        <v>32</v>
      </c>
      <c r="M209" s="5">
        <v>256</v>
      </c>
    </row>
    <row r="210" spans="2:13">
      <c r="B210" s="4" t="s">
        <v>238</v>
      </c>
      <c r="C210" s="4" t="s">
        <v>239</v>
      </c>
      <c r="D210" s="4" t="s">
        <v>76</v>
      </c>
      <c r="E210" s="4" t="s">
        <v>106</v>
      </c>
      <c r="F210" s="4">
        <v>32</v>
      </c>
      <c r="G210" s="4" t="s">
        <v>110</v>
      </c>
      <c r="H210" s="4" t="s">
        <v>108</v>
      </c>
      <c r="I210" s="4">
        <v>16</v>
      </c>
      <c r="J210" s="4">
        <v>10</v>
      </c>
      <c r="K210" s="4">
        <v>16</v>
      </c>
      <c r="L210" s="4">
        <v>16</v>
      </c>
      <c r="M210" s="4">
        <v>64</v>
      </c>
    </row>
    <row r="211" spans="2:13">
      <c r="B211" s="5" t="s">
        <v>238</v>
      </c>
      <c r="C211" s="5" t="s">
        <v>239</v>
      </c>
      <c r="D211" s="5" t="s">
        <v>76</v>
      </c>
      <c r="E211" s="5" t="s">
        <v>89</v>
      </c>
      <c r="F211" s="5">
        <v>32</v>
      </c>
      <c r="G211" s="5" t="s">
        <v>110</v>
      </c>
      <c r="H211" s="5" t="s">
        <v>108</v>
      </c>
      <c r="I211" s="5">
        <v>16</v>
      </c>
      <c r="J211" s="5">
        <v>10</v>
      </c>
      <c r="K211" s="5">
        <v>16</v>
      </c>
      <c r="L211" s="5">
        <v>16</v>
      </c>
      <c r="M211" s="5">
        <v>64</v>
      </c>
    </row>
    <row r="212" spans="2:13">
      <c r="B212" s="4" t="s">
        <v>238</v>
      </c>
      <c r="C212" s="4" t="s">
        <v>240</v>
      </c>
      <c r="D212" s="4" t="s">
        <v>76</v>
      </c>
      <c r="E212" s="4" t="s">
        <v>89</v>
      </c>
      <c r="F212" s="4">
        <v>32</v>
      </c>
      <c r="G212" s="4" t="s">
        <v>127</v>
      </c>
      <c r="H212" s="4" t="s">
        <v>125</v>
      </c>
      <c r="I212" s="4">
        <v>16</v>
      </c>
      <c r="J212" s="4">
        <v>10</v>
      </c>
      <c r="K212" s="4">
        <v>16</v>
      </c>
      <c r="L212" s="4">
        <v>16</v>
      </c>
      <c r="M212" s="4">
        <v>64</v>
      </c>
    </row>
    <row r="213" spans="2:13">
      <c r="B213" s="5" t="s">
        <v>238</v>
      </c>
      <c r="C213" s="5" t="s">
        <v>240</v>
      </c>
      <c r="D213" s="5" t="s">
        <v>76</v>
      </c>
      <c r="E213" s="5" t="s">
        <v>106</v>
      </c>
      <c r="F213" s="5">
        <v>32</v>
      </c>
      <c r="G213" s="5" t="s">
        <v>127</v>
      </c>
      <c r="H213" s="5" t="s">
        <v>125</v>
      </c>
      <c r="I213" s="5">
        <v>16</v>
      </c>
      <c r="J213" s="5">
        <v>10</v>
      </c>
      <c r="K213" s="5">
        <v>16</v>
      </c>
      <c r="L213" s="5">
        <v>16</v>
      </c>
      <c r="M213" s="5">
        <v>64</v>
      </c>
    </row>
    <row r="214" spans="2:13">
      <c r="B214" s="4" t="s">
        <v>238</v>
      </c>
      <c r="C214" s="4" t="s">
        <v>241</v>
      </c>
      <c r="D214" s="4" t="s">
        <v>76</v>
      </c>
      <c r="E214" s="4" t="s">
        <v>106</v>
      </c>
      <c r="F214" s="4">
        <v>32</v>
      </c>
      <c r="G214" s="4" t="s">
        <v>223</v>
      </c>
      <c r="H214" s="4" t="s">
        <v>116</v>
      </c>
      <c r="I214" s="4">
        <v>16</v>
      </c>
      <c r="J214" s="4">
        <v>10</v>
      </c>
      <c r="K214" s="4">
        <v>16</v>
      </c>
      <c r="L214" s="4">
        <v>16</v>
      </c>
      <c r="M214" s="4">
        <v>64</v>
      </c>
    </row>
    <row r="215" spans="2:13">
      <c r="B215" s="5" t="s">
        <v>238</v>
      </c>
      <c r="C215" s="5" t="s">
        <v>241</v>
      </c>
      <c r="D215" s="5" t="s">
        <v>76</v>
      </c>
      <c r="E215" s="5" t="s">
        <v>89</v>
      </c>
      <c r="F215" s="5">
        <v>32</v>
      </c>
      <c r="G215" s="5" t="s">
        <v>223</v>
      </c>
      <c r="H215" s="5" t="s">
        <v>116</v>
      </c>
      <c r="I215" s="5">
        <v>16</v>
      </c>
      <c r="J215" s="5">
        <v>10</v>
      </c>
      <c r="K215" s="5">
        <v>16</v>
      </c>
      <c r="L215" s="5">
        <v>16</v>
      </c>
      <c r="M215" s="5">
        <v>64</v>
      </c>
    </row>
    <row r="216" spans="2:13">
      <c r="B216" s="3" t="s">
        <v>238</v>
      </c>
      <c r="C216" s="3" t="s">
        <v>242</v>
      </c>
      <c r="D216" s="3" t="s">
        <v>76</v>
      </c>
      <c r="E216" s="3" t="s">
        <v>106</v>
      </c>
      <c r="F216" s="3">
        <v>32</v>
      </c>
      <c r="G216" s="3" t="s">
        <v>195</v>
      </c>
      <c r="H216" s="3" t="s">
        <v>107</v>
      </c>
      <c r="I216" s="3">
        <v>16</v>
      </c>
      <c r="J216" s="3">
        <v>10</v>
      </c>
      <c r="K216" s="3">
        <v>16</v>
      </c>
      <c r="L216" s="3">
        <v>16</v>
      </c>
      <c r="M216" s="3">
        <v>64</v>
      </c>
    </row>
    <row r="217" spans="2:13">
      <c r="B217" s="5" t="s">
        <v>238</v>
      </c>
      <c r="C217" s="5" t="s">
        <v>242</v>
      </c>
      <c r="D217" s="5" t="s">
        <v>76</v>
      </c>
      <c r="E217" s="5" t="s">
        <v>89</v>
      </c>
      <c r="F217" s="5">
        <v>32</v>
      </c>
      <c r="G217" s="5" t="s">
        <v>195</v>
      </c>
      <c r="H217" s="5" t="s">
        <v>107</v>
      </c>
      <c r="I217" s="5">
        <v>16</v>
      </c>
      <c r="J217" s="5">
        <v>10</v>
      </c>
      <c r="K217" s="5">
        <v>16</v>
      </c>
      <c r="L217" s="5">
        <v>16</v>
      </c>
      <c r="M217" s="5">
        <v>64</v>
      </c>
    </row>
    <row r="218" spans="2:13">
      <c r="B218" s="4" t="s">
        <v>238</v>
      </c>
      <c r="C218" s="4" t="s">
        <v>243</v>
      </c>
      <c r="D218" s="4" t="s">
        <v>76</v>
      </c>
      <c r="E218" s="4" t="s">
        <v>121</v>
      </c>
      <c r="F218" s="4">
        <v>48</v>
      </c>
      <c r="G218" s="4" t="s">
        <v>110</v>
      </c>
      <c r="H218" s="4" t="s">
        <v>108</v>
      </c>
      <c r="I218" s="4">
        <v>22</v>
      </c>
      <c r="J218" s="4">
        <v>12</v>
      </c>
      <c r="K218" s="4">
        <v>22</v>
      </c>
      <c r="L218" s="4">
        <v>22</v>
      </c>
      <c r="M218" s="4">
        <v>64</v>
      </c>
    </row>
    <row r="219" spans="2:13">
      <c r="B219" s="5" t="s">
        <v>238</v>
      </c>
      <c r="C219" s="5" t="s">
        <v>243</v>
      </c>
      <c r="D219" s="5" t="s">
        <v>76</v>
      </c>
      <c r="E219" s="5" t="s">
        <v>120</v>
      </c>
      <c r="F219" s="5">
        <v>48</v>
      </c>
      <c r="G219" s="5" t="s">
        <v>110</v>
      </c>
      <c r="H219" s="5" t="s">
        <v>108</v>
      </c>
      <c r="I219" s="5">
        <v>22</v>
      </c>
      <c r="J219" s="5">
        <v>12</v>
      </c>
      <c r="K219" s="5">
        <v>22</v>
      </c>
      <c r="L219" s="5">
        <v>22</v>
      </c>
      <c r="M219" s="5">
        <v>64</v>
      </c>
    </row>
    <row r="220" spans="2:13">
      <c r="B220" s="4" t="s">
        <v>238</v>
      </c>
      <c r="C220" s="4" t="s">
        <v>244</v>
      </c>
      <c r="D220" s="4" t="s">
        <v>76</v>
      </c>
      <c r="E220" s="4" t="s">
        <v>121</v>
      </c>
      <c r="F220" s="4">
        <v>48</v>
      </c>
      <c r="G220" s="4" t="s">
        <v>127</v>
      </c>
      <c r="H220" s="4" t="s">
        <v>125</v>
      </c>
      <c r="I220" s="4">
        <v>22</v>
      </c>
      <c r="J220" s="4">
        <v>12</v>
      </c>
      <c r="K220" s="4">
        <v>22</v>
      </c>
      <c r="L220" s="4">
        <v>22</v>
      </c>
      <c r="M220" s="4">
        <v>121</v>
      </c>
    </row>
    <row r="221" spans="2:13">
      <c r="B221" s="5" t="s">
        <v>238</v>
      </c>
      <c r="C221" s="5" t="s">
        <v>244</v>
      </c>
      <c r="D221" s="5" t="s">
        <v>76</v>
      </c>
      <c r="E221" s="5" t="s">
        <v>120</v>
      </c>
      <c r="F221" s="5">
        <v>48</v>
      </c>
      <c r="G221" s="5" t="s">
        <v>127</v>
      </c>
      <c r="H221" s="5" t="s">
        <v>125</v>
      </c>
      <c r="I221" s="5">
        <v>22</v>
      </c>
      <c r="J221" s="5">
        <v>12</v>
      </c>
      <c r="K221" s="5">
        <v>22</v>
      </c>
      <c r="L221" s="5">
        <v>22</v>
      </c>
      <c r="M221" s="5">
        <v>121</v>
      </c>
    </row>
    <row r="222" spans="2:13">
      <c r="B222" s="4" t="s">
        <v>238</v>
      </c>
      <c r="C222" s="4" t="s">
        <v>245</v>
      </c>
      <c r="D222" s="4" t="s">
        <v>76</v>
      </c>
      <c r="E222" s="4" t="s">
        <v>120</v>
      </c>
      <c r="F222" s="4">
        <v>48</v>
      </c>
      <c r="G222" s="4" t="s">
        <v>223</v>
      </c>
      <c r="H222" s="4" t="s">
        <v>116</v>
      </c>
      <c r="I222" s="4">
        <v>22</v>
      </c>
      <c r="J222" s="4">
        <v>12</v>
      </c>
      <c r="K222" s="4">
        <v>22</v>
      </c>
      <c r="L222" s="4">
        <v>22</v>
      </c>
      <c r="M222" s="4">
        <v>121</v>
      </c>
    </row>
    <row r="223" spans="2:13">
      <c r="B223" s="5" t="s">
        <v>238</v>
      </c>
      <c r="C223" s="5" t="s">
        <v>245</v>
      </c>
      <c r="D223" s="5" t="s">
        <v>76</v>
      </c>
      <c r="E223" s="5" t="s">
        <v>121</v>
      </c>
      <c r="F223" s="5">
        <v>48</v>
      </c>
      <c r="G223" s="5" t="s">
        <v>223</v>
      </c>
      <c r="H223" s="5" t="s">
        <v>116</v>
      </c>
      <c r="I223" s="5">
        <v>22</v>
      </c>
      <c r="J223" s="5">
        <v>12</v>
      </c>
      <c r="K223" s="5">
        <v>22</v>
      </c>
      <c r="L223" s="5">
        <v>22</v>
      </c>
      <c r="M223" s="5">
        <v>121</v>
      </c>
    </row>
    <row r="224" spans="2:13">
      <c r="B224" s="4" t="s">
        <v>238</v>
      </c>
      <c r="C224" s="4" t="s">
        <v>246</v>
      </c>
      <c r="D224" s="4" t="s">
        <v>76</v>
      </c>
      <c r="E224" s="4" t="s">
        <v>121</v>
      </c>
      <c r="F224" s="4">
        <v>48</v>
      </c>
      <c r="G224" s="4" t="s">
        <v>195</v>
      </c>
      <c r="H224" s="4" t="s">
        <v>107</v>
      </c>
      <c r="I224" s="4">
        <v>22</v>
      </c>
      <c r="J224" s="4">
        <v>12</v>
      </c>
      <c r="K224" s="4">
        <v>22</v>
      </c>
      <c r="L224" s="4">
        <v>22</v>
      </c>
      <c r="M224" s="4">
        <v>121</v>
      </c>
    </row>
    <row r="225" spans="2:13">
      <c r="B225" s="6" t="s">
        <v>238</v>
      </c>
      <c r="C225" s="6" t="s">
        <v>246</v>
      </c>
      <c r="D225" s="6" t="s">
        <v>76</v>
      </c>
      <c r="E225" s="6" t="s">
        <v>120</v>
      </c>
      <c r="F225" s="6">
        <v>48</v>
      </c>
      <c r="G225" s="6" t="s">
        <v>195</v>
      </c>
      <c r="H225" s="6" t="s">
        <v>107</v>
      </c>
      <c r="I225" s="6">
        <v>22</v>
      </c>
      <c r="J225" s="6">
        <v>12</v>
      </c>
      <c r="K225" s="6">
        <v>22</v>
      </c>
      <c r="L225" s="6">
        <v>22</v>
      </c>
      <c r="M225" s="6">
        <v>121</v>
      </c>
    </row>
    <row r="226" spans="2:13">
      <c r="B226" s="7" t="s">
        <v>238</v>
      </c>
      <c r="C226" s="7" t="s">
        <v>247</v>
      </c>
      <c r="D226" s="7" t="s">
        <v>76</v>
      </c>
      <c r="E226" s="7" t="s">
        <v>134</v>
      </c>
      <c r="F226" s="7">
        <v>64</v>
      </c>
      <c r="G226" s="7" t="s">
        <v>127</v>
      </c>
      <c r="H226" s="7" t="s">
        <v>125</v>
      </c>
      <c r="I226" s="7">
        <v>32</v>
      </c>
      <c r="J226" s="7">
        <v>16</v>
      </c>
      <c r="K226" s="7">
        <v>32</v>
      </c>
      <c r="L226" s="7">
        <v>32</v>
      </c>
      <c r="M226" s="7">
        <v>256</v>
      </c>
    </row>
    <row r="227" spans="2:13">
      <c r="B227" s="8" t="s">
        <v>238</v>
      </c>
      <c r="C227" s="8" t="s">
        <v>247</v>
      </c>
      <c r="D227" s="8" t="s">
        <v>76</v>
      </c>
      <c r="E227" s="8" t="s">
        <v>135</v>
      </c>
      <c r="F227" s="8">
        <v>64</v>
      </c>
      <c r="G227" s="8" t="s">
        <v>127</v>
      </c>
      <c r="H227" s="8" t="s">
        <v>125</v>
      </c>
      <c r="I227" s="8">
        <v>32</v>
      </c>
      <c r="J227" s="8">
        <v>16</v>
      </c>
      <c r="K227" s="8">
        <v>32</v>
      </c>
      <c r="L227" s="8">
        <v>32</v>
      </c>
      <c r="M227" s="8">
        <v>256</v>
      </c>
    </row>
    <row r="228" spans="2:13">
      <c r="B228" s="4" t="s">
        <v>238</v>
      </c>
      <c r="C228" s="4" t="s">
        <v>248</v>
      </c>
      <c r="D228" s="4" t="s">
        <v>76</v>
      </c>
      <c r="E228" s="4" t="s">
        <v>134</v>
      </c>
      <c r="F228" s="4">
        <v>64</v>
      </c>
      <c r="G228" s="4" t="s">
        <v>223</v>
      </c>
      <c r="H228" s="4" t="s">
        <v>116</v>
      </c>
      <c r="I228" s="4">
        <v>32</v>
      </c>
      <c r="J228" s="4">
        <v>16</v>
      </c>
      <c r="K228" s="4">
        <v>32</v>
      </c>
      <c r="L228" s="4">
        <v>32</v>
      </c>
      <c r="M228" s="4">
        <v>256</v>
      </c>
    </row>
    <row r="229" spans="2:13">
      <c r="B229" s="5" t="s">
        <v>238</v>
      </c>
      <c r="C229" s="5" t="s">
        <v>248</v>
      </c>
      <c r="D229" s="5" t="s">
        <v>76</v>
      </c>
      <c r="E229" s="5" t="s">
        <v>135</v>
      </c>
      <c r="F229" s="5">
        <v>64</v>
      </c>
      <c r="G229" s="5" t="s">
        <v>223</v>
      </c>
      <c r="H229" s="5" t="s">
        <v>116</v>
      </c>
      <c r="I229" s="5">
        <v>32</v>
      </c>
      <c r="J229" s="5">
        <v>16</v>
      </c>
      <c r="K229" s="5">
        <v>32</v>
      </c>
      <c r="L229" s="5">
        <v>32</v>
      </c>
      <c r="M229" s="5">
        <v>256</v>
      </c>
    </row>
    <row r="230" spans="2:13">
      <c r="B230" s="4" t="s">
        <v>238</v>
      </c>
      <c r="C230" s="4" t="s">
        <v>249</v>
      </c>
      <c r="D230" s="4" t="s">
        <v>76</v>
      </c>
      <c r="E230" s="4" t="s">
        <v>232</v>
      </c>
      <c r="F230" s="4">
        <v>56</v>
      </c>
      <c r="G230" s="4" t="s">
        <v>223</v>
      </c>
      <c r="H230" s="4" t="s">
        <v>116</v>
      </c>
      <c r="I230" s="4">
        <v>32</v>
      </c>
      <c r="J230" s="4">
        <v>16</v>
      </c>
      <c r="K230" s="4">
        <v>32</v>
      </c>
      <c r="L230" s="4">
        <v>32</v>
      </c>
      <c r="M230" s="4">
        <v>256</v>
      </c>
    </row>
    <row r="231" spans="2:13">
      <c r="B231" s="5" t="s">
        <v>238</v>
      </c>
      <c r="C231" s="5" t="s">
        <v>250</v>
      </c>
      <c r="D231" s="5" t="s">
        <v>76</v>
      </c>
      <c r="E231" s="5" t="s">
        <v>134</v>
      </c>
      <c r="F231" s="5">
        <v>64</v>
      </c>
      <c r="G231" s="5" t="s">
        <v>195</v>
      </c>
      <c r="H231" s="5" t="s">
        <v>107</v>
      </c>
      <c r="I231" s="5">
        <v>32</v>
      </c>
      <c r="J231" s="5">
        <v>16</v>
      </c>
      <c r="K231" s="5">
        <v>32</v>
      </c>
      <c r="L231" s="5">
        <v>32</v>
      </c>
      <c r="M231" s="5">
        <v>256</v>
      </c>
    </row>
    <row r="232" spans="2:13">
      <c r="B232" s="4" t="s">
        <v>238</v>
      </c>
      <c r="C232" s="4" t="s">
        <v>250</v>
      </c>
      <c r="D232" s="4" t="s">
        <v>76</v>
      </c>
      <c r="E232" s="4" t="s">
        <v>135</v>
      </c>
      <c r="F232" s="4">
        <v>64</v>
      </c>
      <c r="G232" s="4" t="s">
        <v>195</v>
      </c>
      <c r="H232" s="4" t="s">
        <v>107</v>
      </c>
      <c r="I232" s="4">
        <v>32</v>
      </c>
      <c r="J232" s="4">
        <v>16</v>
      </c>
      <c r="K232" s="4">
        <v>32</v>
      </c>
      <c r="L232" s="4">
        <v>32</v>
      </c>
      <c r="M232" s="4">
        <v>256</v>
      </c>
    </row>
    <row r="233" spans="2:13">
      <c r="B233" s="5" t="s">
        <v>238</v>
      </c>
      <c r="C233" s="5" t="s">
        <v>251</v>
      </c>
      <c r="D233" s="5" t="s">
        <v>76</v>
      </c>
      <c r="E233" s="5" t="s">
        <v>232</v>
      </c>
      <c r="F233" s="5">
        <v>56</v>
      </c>
      <c r="G233" s="5" t="s">
        <v>195</v>
      </c>
      <c r="H233" s="5" t="s">
        <v>107</v>
      </c>
      <c r="I233" s="5">
        <v>32</v>
      </c>
      <c r="J233" s="5">
        <v>16</v>
      </c>
      <c r="K233" s="5">
        <v>32</v>
      </c>
      <c r="L233" s="5">
        <v>32</v>
      </c>
      <c r="M233" s="5">
        <v>256</v>
      </c>
    </row>
    <row r="234" spans="2:13">
      <c r="B234" s="4" t="s">
        <v>238</v>
      </c>
      <c r="C234" s="4" t="s">
        <v>252</v>
      </c>
      <c r="D234" s="4" t="s">
        <v>76</v>
      </c>
      <c r="E234" s="4" t="s">
        <v>236</v>
      </c>
      <c r="F234" s="4">
        <v>100</v>
      </c>
      <c r="G234" s="4" t="s">
        <v>223</v>
      </c>
      <c r="H234" s="4" t="s">
        <v>116</v>
      </c>
      <c r="I234" s="4">
        <v>32</v>
      </c>
      <c r="J234" s="4">
        <v>16</v>
      </c>
      <c r="K234" s="4">
        <v>32</v>
      </c>
      <c r="L234" s="4">
        <v>32</v>
      </c>
      <c r="M234" s="4">
        <v>256</v>
      </c>
    </row>
    <row r="235" spans="2:13">
      <c r="B235" s="5" t="s">
        <v>238</v>
      </c>
      <c r="C235" s="5" t="s">
        <v>252</v>
      </c>
      <c r="D235" s="5" t="s">
        <v>76</v>
      </c>
      <c r="E235" s="5" t="s">
        <v>192</v>
      </c>
      <c r="F235" s="5">
        <v>100</v>
      </c>
      <c r="G235" s="5" t="s">
        <v>223</v>
      </c>
      <c r="H235" s="5" t="s">
        <v>116</v>
      </c>
      <c r="I235" s="5">
        <v>32</v>
      </c>
      <c r="J235" s="5">
        <v>16</v>
      </c>
      <c r="K235" s="5">
        <v>32</v>
      </c>
      <c r="L235" s="5">
        <v>32</v>
      </c>
      <c r="M235" s="5">
        <v>256</v>
      </c>
    </row>
    <row r="236" spans="2:13">
      <c r="B236" s="4" t="s">
        <v>238</v>
      </c>
      <c r="C236" s="4" t="s">
        <v>253</v>
      </c>
      <c r="D236" s="4" t="s">
        <v>76</v>
      </c>
      <c r="E236" s="4" t="s">
        <v>236</v>
      </c>
      <c r="F236" s="4">
        <v>100</v>
      </c>
      <c r="G236" s="4" t="s">
        <v>195</v>
      </c>
      <c r="H236" s="4" t="s">
        <v>107</v>
      </c>
      <c r="I236" s="4">
        <v>32</v>
      </c>
      <c r="J236" s="4">
        <v>16</v>
      </c>
      <c r="K236" s="4">
        <v>32</v>
      </c>
      <c r="L236" s="4">
        <v>32</v>
      </c>
      <c r="M236" s="4">
        <v>256</v>
      </c>
    </row>
    <row r="237" spans="2:13">
      <c r="B237" s="5" t="s">
        <v>238</v>
      </c>
      <c r="C237" s="5" t="s">
        <v>253</v>
      </c>
      <c r="D237" s="5" t="s">
        <v>76</v>
      </c>
      <c r="E237" s="5" t="s">
        <v>192</v>
      </c>
      <c r="F237" s="5">
        <v>100</v>
      </c>
      <c r="G237" s="5" t="s">
        <v>195</v>
      </c>
      <c r="H237" s="5" t="s">
        <v>107</v>
      </c>
      <c r="I237" s="5">
        <v>32</v>
      </c>
      <c r="J237" s="5">
        <v>16</v>
      </c>
      <c r="K237" s="5">
        <v>32</v>
      </c>
      <c r="L237" s="5">
        <v>32</v>
      </c>
      <c r="M237" s="5">
        <v>256</v>
      </c>
    </row>
    <row r="238" spans="2:13">
      <c r="B238" s="4" t="s">
        <v>254</v>
      </c>
      <c r="C238" s="4" t="s">
        <v>255</v>
      </c>
      <c r="D238" s="4" t="s">
        <v>76</v>
      </c>
      <c r="E238" s="4" t="s">
        <v>106</v>
      </c>
      <c r="F238" s="4">
        <v>32</v>
      </c>
      <c r="G238" s="4" t="s">
        <v>110</v>
      </c>
      <c r="H238" s="4" t="s">
        <v>256</v>
      </c>
      <c r="I238" s="4">
        <v>13</v>
      </c>
      <c r="J238" s="4">
        <v>10</v>
      </c>
      <c r="K238" s="4">
        <v>7</v>
      </c>
      <c r="L238" s="4">
        <v>7</v>
      </c>
      <c r="M238" s="4">
        <v>42</v>
      </c>
    </row>
    <row r="239" spans="2:13">
      <c r="B239" s="5" t="s">
        <v>254</v>
      </c>
      <c r="C239" s="5" t="s">
        <v>255</v>
      </c>
      <c r="D239" s="5" t="s">
        <v>76</v>
      </c>
      <c r="E239" s="5" t="s">
        <v>89</v>
      </c>
      <c r="F239" s="5">
        <v>32</v>
      </c>
      <c r="G239" s="5" t="s">
        <v>110</v>
      </c>
      <c r="H239" s="5" t="s">
        <v>256</v>
      </c>
      <c r="I239" s="5">
        <v>13</v>
      </c>
      <c r="J239" s="5">
        <v>10</v>
      </c>
      <c r="K239" s="5">
        <v>7</v>
      </c>
      <c r="L239" s="5">
        <v>7</v>
      </c>
      <c r="M239" s="5">
        <v>42</v>
      </c>
    </row>
    <row r="240" spans="2:13">
      <c r="B240" s="4" t="s">
        <v>254</v>
      </c>
      <c r="C240" s="4" t="s">
        <v>257</v>
      </c>
      <c r="D240" s="4" t="s">
        <v>76</v>
      </c>
      <c r="E240" s="4" t="s">
        <v>89</v>
      </c>
      <c r="F240" s="4">
        <v>32</v>
      </c>
      <c r="G240" s="4" t="s">
        <v>127</v>
      </c>
      <c r="H240" s="4" t="s">
        <v>258</v>
      </c>
      <c r="I240" s="4">
        <v>13</v>
      </c>
      <c r="J240" s="4">
        <v>10</v>
      </c>
      <c r="K240" s="4">
        <v>7</v>
      </c>
      <c r="L240" s="4">
        <v>7</v>
      </c>
      <c r="M240" s="4">
        <v>42</v>
      </c>
    </row>
    <row r="241" spans="2:13">
      <c r="B241" s="5" t="s">
        <v>254</v>
      </c>
      <c r="C241" s="5" t="s">
        <v>257</v>
      </c>
      <c r="D241" s="5" t="s">
        <v>76</v>
      </c>
      <c r="E241" s="5" t="s">
        <v>106</v>
      </c>
      <c r="F241" s="5">
        <v>32</v>
      </c>
      <c r="G241" s="5" t="s">
        <v>127</v>
      </c>
      <c r="H241" s="5" t="s">
        <v>258</v>
      </c>
      <c r="I241" s="5">
        <v>13</v>
      </c>
      <c r="J241" s="5">
        <v>10</v>
      </c>
      <c r="K241" s="5">
        <v>7</v>
      </c>
      <c r="L241" s="5">
        <v>7</v>
      </c>
      <c r="M241" s="5">
        <v>42</v>
      </c>
    </row>
    <row r="242" spans="2:13">
      <c r="B242" s="3" t="s">
        <v>254</v>
      </c>
      <c r="C242" s="3" t="s">
        <v>259</v>
      </c>
      <c r="D242" s="3" t="s">
        <v>76</v>
      </c>
      <c r="E242" s="3" t="s">
        <v>106</v>
      </c>
      <c r="F242" s="3">
        <v>32</v>
      </c>
      <c r="G242" s="3" t="s">
        <v>223</v>
      </c>
      <c r="H242" s="3" t="s">
        <v>260</v>
      </c>
      <c r="I242" s="3">
        <v>13</v>
      </c>
      <c r="J242" s="3">
        <v>10</v>
      </c>
      <c r="K242" s="3">
        <v>7</v>
      </c>
      <c r="L242" s="3">
        <v>7</v>
      </c>
      <c r="M242" s="3">
        <v>42</v>
      </c>
    </row>
    <row r="243" spans="2:13">
      <c r="B243" s="5" t="s">
        <v>254</v>
      </c>
      <c r="C243" s="5" t="s">
        <v>259</v>
      </c>
      <c r="D243" s="5" t="s">
        <v>76</v>
      </c>
      <c r="E243" s="5" t="s">
        <v>89</v>
      </c>
      <c r="F243" s="5">
        <v>32</v>
      </c>
      <c r="G243" s="5" t="s">
        <v>223</v>
      </c>
      <c r="H243" s="5" t="s">
        <v>260</v>
      </c>
      <c r="I243" s="5">
        <v>13</v>
      </c>
      <c r="J243" s="5">
        <v>10</v>
      </c>
      <c r="K243" s="5">
        <v>7</v>
      </c>
      <c r="L243" s="5">
        <v>7</v>
      </c>
      <c r="M243" s="5">
        <v>42</v>
      </c>
    </row>
    <row r="244" spans="2:13">
      <c r="B244" s="4" t="s">
        <v>254</v>
      </c>
      <c r="C244" s="4" t="s">
        <v>261</v>
      </c>
      <c r="D244" s="4" t="s">
        <v>76</v>
      </c>
      <c r="E244" s="4" t="s">
        <v>89</v>
      </c>
      <c r="F244" s="4">
        <v>32</v>
      </c>
      <c r="G244" s="4" t="s">
        <v>195</v>
      </c>
      <c r="H244" s="4" t="s">
        <v>262</v>
      </c>
      <c r="I244" s="4">
        <v>13</v>
      </c>
      <c r="J244" s="4">
        <v>10</v>
      </c>
      <c r="K244" s="4">
        <v>7</v>
      </c>
      <c r="L244" s="4">
        <v>7</v>
      </c>
      <c r="M244" s="4">
        <v>42</v>
      </c>
    </row>
    <row r="245" spans="2:13">
      <c r="B245" s="5" t="s">
        <v>254</v>
      </c>
      <c r="C245" s="5" t="s">
        <v>261</v>
      </c>
      <c r="D245" s="5" t="s">
        <v>76</v>
      </c>
      <c r="E245" s="5" t="s">
        <v>106</v>
      </c>
      <c r="F245" s="5">
        <v>32</v>
      </c>
      <c r="G245" s="5" t="s">
        <v>195</v>
      </c>
      <c r="H245" s="5" t="s">
        <v>262</v>
      </c>
      <c r="I245" s="5">
        <v>13</v>
      </c>
      <c r="J245" s="5">
        <v>10</v>
      </c>
      <c r="K245" s="5">
        <v>7</v>
      </c>
      <c r="L245" s="5">
        <v>7</v>
      </c>
      <c r="M245" s="5">
        <v>42</v>
      </c>
    </row>
    <row r="246" spans="2:13">
      <c r="B246" s="4" t="s">
        <v>254</v>
      </c>
      <c r="C246" s="4" t="s">
        <v>263</v>
      </c>
      <c r="D246" s="4" t="s">
        <v>76</v>
      </c>
      <c r="E246" s="4" t="s">
        <v>121</v>
      </c>
      <c r="F246" s="4">
        <v>48</v>
      </c>
      <c r="G246" s="4" t="s">
        <v>127</v>
      </c>
      <c r="H246" s="4" t="s">
        <v>258</v>
      </c>
      <c r="I246" s="4">
        <v>18</v>
      </c>
      <c r="J246" s="4">
        <v>12</v>
      </c>
      <c r="K246" s="4">
        <v>10</v>
      </c>
      <c r="L246" s="4">
        <v>10</v>
      </c>
      <c r="M246" s="4">
        <v>81</v>
      </c>
    </row>
    <row r="247" spans="2:13">
      <c r="B247" s="5" t="s">
        <v>254</v>
      </c>
      <c r="C247" s="5" t="s">
        <v>263</v>
      </c>
      <c r="D247" s="5" t="s">
        <v>76</v>
      </c>
      <c r="E247" s="5" t="s">
        <v>120</v>
      </c>
      <c r="F247" s="5">
        <v>48</v>
      </c>
      <c r="G247" s="5" t="s">
        <v>127</v>
      </c>
      <c r="H247" s="5" t="s">
        <v>258</v>
      </c>
      <c r="I247" s="5">
        <v>18</v>
      </c>
      <c r="J247" s="5">
        <v>12</v>
      </c>
      <c r="K247" s="5">
        <v>10</v>
      </c>
      <c r="L247" s="5">
        <v>10</v>
      </c>
      <c r="M247" s="5">
        <v>81</v>
      </c>
    </row>
    <row r="248" spans="2:13">
      <c r="B248" s="4" t="s">
        <v>254</v>
      </c>
      <c r="C248" s="4" t="s">
        <v>264</v>
      </c>
      <c r="D248" s="4" t="s">
        <v>76</v>
      </c>
      <c r="E248" s="4" t="s">
        <v>121</v>
      </c>
      <c r="F248" s="4">
        <v>48</v>
      </c>
      <c r="G248" s="4" t="s">
        <v>223</v>
      </c>
      <c r="H248" s="4" t="s">
        <v>260</v>
      </c>
      <c r="I248" s="4">
        <v>18</v>
      </c>
      <c r="J248" s="4">
        <v>12</v>
      </c>
      <c r="K248" s="4">
        <v>10</v>
      </c>
      <c r="L248" s="4">
        <v>10</v>
      </c>
      <c r="M248" s="4">
        <v>81</v>
      </c>
    </row>
    <row r="249" spans="2:13">
      <c r="B249" s="5" t="s">
        <v>254</v>
      </c>
      <c r="C249" s="5" t="s">
        <v>264</v>
      </c>
      <c r="D249" s="5" t="s">
        <v>76</v>
      </c>
      <c r="E249" s="5" t="s">
        <v>120</v>
      </c>
      <c r="F249" s="5">
        <v>48</v>
      </c>
      <c r="G249" s="5" t="s">
        <v>223</v>
      </c>
      <c r="H249" s="5" t="s">
        <v>260</v>
      </c>
      <c r="I249" s="5">
        <v>18</v>
      </c>
      <c r="J249" s="5">
        <v>12</v>
      </c>
      <c r="K249" s="5">
        <v>10</v>
      </c>
      <c r="L249" s="5">
        <v>10</v>
      </c>
      <c r="M249" s="5">
        <v>81</v>
      </c>
    </row>
    <row r="250" spans="2:13">
      <c r="B250" s="4" t="s">
        <v>254</v>
      </c>
      <c r="C250" s="4" t="s">
        <v>265</v>
      </c>
      <c r="D250" s="4" t="s">
        <v>76</v>
      </c>
      <c r="E250" s="4" t="s">
        <v>120</v>
      </c>
      <c r="F250" s="4">
        <v>48</v>
      </c>
      <c r="G250" s="4" t="s">
        <v>195</v>
      </c>
      <c r="H250" s="4" t="s">
        <v>262</v>
      </c>
      <c r="I250" s="4">
        <v>18</v>
      </c>
      <c r="J250" s="4">
        <v>12</v>
      </c>
      <c r="K250" s="4">
        <v>10</v>
      </c>
      <c r="L250" s="4">
        <v>10</v>
      </c>
      <c r="M250" s="4">
        <v>81</v>
      </c>
    </row>
    <row r="251" spans="2:13">
      <c r="B251" s="6" t="s">
        <v>254</v>
      </c>
      <c r="C251" s="6" t="s">
        <v>265</v>
      </c>
      <c r="D251" s="6" t="s">
        <v>76</v>
      </c>
      <c r="E251" s="6" t="s">
        <v>121</v>
      </c>
      <c r="F251" s="6">
        <v>48</v>
      </c>
      <c r="G251" s="6" t="s">
        <v>195</v>
      </c>
      <c r="H251" s="6" t="s">
        <v>262</v>
      </c>
      <c r="I251" s="6">
        <v>18</v>
      </c>
      <c r="J251" s="6">
        <v>12</v>
      </c>
      <c r="K251" s="6">
        <v>10</v>
      </c>
      <c r="L251" s="6">
        <v>10</v>
      </c>
      <c r="M251" s="6">
        <v>81</v>
      </c>
    </row>
    <row r="252" spans="2:13">
      <c r="B252" s="7" t="s">
        <v>254</v>
      </c>
      <c r="C252" s="7" t="s">
        <v>266</v>
      </c>
      <c r="D252" s="7" t="s">
        <v>76</v>
      </c>
      <c r="E252" s="7" t="s">
        <v>134</v>
      </c>
      <c r="F252" s="7">
        <v>64</v>
      </c>
      <c r="G252" s="7" t="s">
        <v>127</v>
      </c>
      <c r="H252" s="7" t="s">
        <v>258</v>
      </c>
      <c r="I252" s="7">
        <v>26</v>
      </c>
      <c r="J252" s="7">
        <v>16</v>
      </c>
      <c r="K252" s="7">
        <v>16</v>
      </c>
      <c r="L252" s="7">
        <v>16</v>
      </c>
      <c r="M252" s="7">
        <v>169</v>
      </c>
    </row>
    <row r="253" spans="2:13">
      <c r="B253" s="8" t="s">
        <v>254</v>
      </c>
      <c r="C253" s="8" t="s">
        <v>266</v>
      </c>
      <c r="D253" s="8" t="s">
        <v>76</v>
      </c>
      <c r="E253" s="8" t="s">
        <v>135</v>
      </c>
      <c r="F253" s="8">
        <v>64</v>
      </c>
      <c r="G253" s="8" t="s">
        <v>127</v>
      </c>
      <c r="H253" s="8" t="s">
        <v>258</v>
      </c>
      <c r="I253" s="8">
        <v>26</v>
      </c>
      <c r="J253" s="8">
        <v>16</v>
      </c>
      <c r="K253" s="8">
        <v>16</v>
      </c>
      <c r="L253" s="8">
        <v>16</v>
      </c>
      <c r="M253" s="8">
        <v>169</v>
      </c>
    </row>
    <row r="254" spans="2:13">
      <c r="B254" s="4" t="s">
        <v>254</v>
      </c>
      <c r="C254" s="4" t="s">
        <v>267</v>
      </c>
      <c r="D254" s="4" t="s">
        <v>76</v>
      </c>
      <c r="E254" s="4" t="s">
        <v>134</v>
      </c>
      <c r="F254" s="4">
        <v>64</v>
      </c>
      <c r="G254" s="4" t="s">
        <v>223</v>
      </c>
      <c r="H254" s="4" t="s">
        <v>260</v>
      </c>
      <c r="I254" s="4">
        <v>26</v>
      </c>
      <c r="J254" s="4">
        <v>16</v>
      </c>
      <c r="K254" s="4">
        <v>16</v>
      </c>
      <c r="L254" s="4">
        <v>16</v>
      </c>
      <c r="M254" s="4">
        <v>169</v>
      </c>
    </row>
    <row r="255" spans="2:13">
      <c r="B255" s="5" t="s">
        <v>254</v>
      </c>
      <c r="C255" s="5" t="s">
        <v>267</v>
      </c>
      <c r="D255" s="5" t="s">
        <v>76</v>
      </c>
      <c r="E255" s="5" t="s">
        <v>135</v>
      </c>
      <c r="F255" s="5">
        <v>64</v>
      </c>
      <c r="G255" s="5" t="s">
        <v>223</v>
      </c>
      <c r="H255" s="5" t="s">
        <v>260</v>
      </c>
      <c r="I255" s="5">
        <v>26</v>
      </c>
      <c r="J255" s="5">
        <v>16</v>
      </c>
      <c r="K255" s="5">
        <v>16</v>
      </c>
      <c r="L255" s="5">
        <v>16</v>
      </c>
      <c r="M255" s="5">
        <v>169</v>
      </c>
    </row>
    <row r="256" spans="2:13">
      <c r="B256" s="4" t="s">
        <v>254</v>
      </c>
      <c r="C256" s="4" t="s">
        <v>268</v>
      </c>
      <c r="D256" s="4" t="s">
        <v>76</v>
      </c>
      <c r="E256" s="4" t="s">
        <v>134</v>
      </c>
      <c r="F256" s="4">
        <v>64</v>
      </c>
      <c r="G256" s="4" t="s">
        <v>195</v>
      </c>
      <c r="H256" s="4" t="s">
        <v>262</v>
      </c>
      <c r="I256" s="4">
        <v>26</v>
      </c>
      <c r="J256" s="4">
        <v>16</v>
      </c>
      <c r="K256" s="4">
        <v>16</v>
      </c>
      <c r="L256" s="4">
        <v>16</v>
      </c>
      <c r="M256" s="4">
        <v>169</v>
      </c>
    </row>
    <row r="257" spans="2:13">
      <c r="B257" s="5" t="s">
        <v>254</v>
      </c>
      <c r="C257" s="5" t="s">
        <v>268</v>
      </c>
      <c r="D257" s="5" t="s">
        <v>76</v>
      </c>
      <c r="E257" s="5" t="s">
        <v>135</v>
      </c>
      <c r="F257" s="5">
        <v>64</v>
      </c>
      <c r="G257" s="5" t="s">
        <v>195</v>
      </c>
      <c r="H257" s="5" t="s">
        <v>262</v>
      </c>
      <c r="I257" s="5">
        <v>26</v>
      </c>
      <c r="J257" s="5">
        <v>16</v>
      </c>
      <c r="K257" s="5">
        <v>16</v>
      </c>
      <c r="L257" s="5">
        <v>16</v>
      </c>
      <c r="M257" s="5">
        <v>169</v>
      </c>
    </row>
    <row r="258" spans="2:13">
      <c r="B258" s="4" t="s">
        <v>269</v>
      </c>
      <c r="C258" s="4" t="s">
        <v>270</v>
      </c>
      <c r="D258" s="4" t="s">
        <v>76</v>
      </c>
      <c r="E258" s="4" t="s">
        <v>120</v>
      </c>
      <c r="F258" s="4">
        <v>48</v>
      </c>
      <c r="G258" s="4" t="s">
        <v>127</v>
      </c>
      <c r="H258" s="4" t="s">
        <v>125</v>
      </c>
      <c r="I258" s="4">
        <v>23</v>
      </c>
      <c r="J258" s="4">
        <v>23</v>
      </c>
      <c r="K258" s="4">
        <v>15</v>
      </c>
      <c r="L258" s="4">
        <v>15</v>
      </c>
      <c r="M258" s="4">
        <v>132</v>
      </c>
    </row>
    <row r="259" spans="2:13">
      <c r="B259" s="5" t="s">
        <v>269</v>
      </c>
      <c r="C259" s="5" t="s">
        <v>270</v>
      </c>
      <c r="D259" s="5" t="s">
        <v>76</v>
      </c>
      <c r="E259" s="5" t="s">
        <v>121</v>
      </c>
      <c r="F259" s="5">
        <v>48</v>
      </c>
      <c r="G259" s="5" t="s">
        <v>127</v>
      </c>
      <c r="H259" s="5" t="s">
        <v>125</v>
      </c>
      <c r="I259" s="5">
        <v>23</v>
      </c>
      <c r="J259" s="5">
        <v>23</v>
      </c>
      <c r="K259" s="5">
        <v>15</v>
      </c>
      <c r="L259" s="5">
        <v>15</v>
      </c>
      <c r="M259" s="5">
        <v>132</v>
      </c>
    </row>
    <row r="260" spans="2:13">
      <c r="B260" s="4" t="s">
        <v>269</v>
      </c>
      <c r="C260" s="4" t="s">
        <v>271</v>
      </c>
      <c r="D260" s="4" t="s">
        <v>76</v>
      </c>
      <c r="E260" s="4" t="s">
        <v>120</v>
      </c>
      <c r="F260" s="4">
        <v>48</v>
      </c>
      <c r="G260" s="4" t="s">
        <v>223</v>
      </c>
      <c r="H260" s="4" t="s">
        <v>116</v>
      </c>
      <c r="I260" s="4">
        <v>23</v>
      </c>
      <c r="J260" s="4">
        <v>23</v>
      </c>
      <c r="K260" s="4">
        <v>15</v>
      </c>
      <c r="L260" s="4">
        <v>15</v>
      </c>
      <c r="M260" s="4">
        <v>132</v>
      </c>
    </row>
    <row r="261" spans="2:13">
      <c r="B261" s="5" t="s">
        <v>269</v>
      </c>
      <c r="C261" s="5" t="s">
        <v>271</v>
      </c>
      <c r="D261" s="5" t="s">
        <v>76</v>
      </c>
      <c r="E261" s="5" t="s">
        <v>121</v>
      </c>
      <c r="F261" s="5">
        <v>48</v>
      </c>
      <c r="G261" s="5" t="s">
        <v>223</v>
      </c>
      <c r="H261" s="5" t="s">
        <v>116</v>
      </c>
      <c r="I261" s="5">
        <v>23</v>
      </c>
      <c r="J261" s="5">
        <v>23</v>
      </c>
      <c r="K261" s="5">
        <v>15</v>
      </c>
      <c r="L261" s="5">
        <v>15</v>
      </c>
      <c r="M261" s="5">
        <v>132</v>
      </c>
    </row>
    <row r="262" spans="2:13">
      <c r="B262" s="4" t="s">
        <v>269</v>
      </c>
      <c r="C262" s="4" t="s">
        <v>271</v>
      </c>
      <c r="D262" s="4" t="s">
        <v>76</v>
      </c>
      <c r="E262" s="4" t="s">
        <v>272</v>
      </c>
      <c r="F262" s="4">
        <v>49</v>
      </c>
      <c r="G262" s="4" t="s">
        <v>223</v>
      </c>
      <c r="H262" s="4" t="s">
        <v>116</v>
      </c>
      <c r="I262" s="4">
        <v>23</v>
      </c>
      <c r="J262" s="4">
        <v>23</v>
      </c>
      <c r="K262" s="4">
        <v>15</v>
      </c>
      <c r="L262" s="4">
        <v>15</v>
      </c>
      <c r="M262" s="4">
        <v>132</v>
      </c>
    </row>
    <row r="263" spans="2:13">
      <c r="B263" s="5" t="s">
        <v>269</v>
      </c>
      <c r="C263" s="5" t="s">
        <v>273</v>
      </c>
      <c r="D263" s="5" t="s">
        <v>76</v>
      </c>
      <c r="E263" s="5" t="s">
        <v>272</v>
      </c>
      <c r="F263" s="5">
        <v>49</v>
      </c>
      <c r="G263" s="5" t="s">
        <v>195</v>
      </c>
      <c r="H263" s="5" t="s">
        <v>107</v>
      </c>
      <c r="I263" s="5">
        <v>23</v>
      </c>
      <c r="J263" s="5">
        <v>23</v>
      </c>
      <c r="K263" s="5">
        <v>15</v>
      </c>
      <c r="L263" s="5">
        <v>15</v>
      </c>
      <c r="M263" s="5">
        <v>132</v>
      </c>
    </row>
    <row r="264" spans="2:13">
      <c r="B264" s="4" t="s">
        <v>269</v>
      </c>
      <c r="C264" s="4" t="s">
        <v>273</v>
      </c>
      <c r="D264" s="4" t="s">
        <v>76</v>
      </c>
      <c r="E264" s="4" t="s">
        <v>121</v>
      </c>
      <c r="F264" s="4">
        <v>48</v>
      </c>
      <c r="G264" s="4" t="s">
        <v>195</v>
      </c>
      <c r="H264" s="4" t="s">
        <v>107</v>
      </c>
      <c r="I264" s="4">
        <v>23</v>
      </c>
      <c r="J264" s="4">
        <v>23</v>
      </c>
      <c r="K264" s="4">
        <v>15</v>
      </c>
      <c r="L264" s="4">
        <v>15</v>
      </c>
      <c r="M264" s="4">
        <v>132</v>
      </c>
    </row>
    <row r="265" spans="2:13">
      <c r="B265" s="5" t="s">
        <v>269</v>
      </c>
      <c r="C265" s="5" t="s">
        <v>273</v>
      </c>
      <c r="D265" s="5" t="s">
        <v>76</v>
      </c>
      <c r="E265" s="5" t="s">
        <v>120</v>
      </c>
      <c r="F265" s="5">
        <v>48</v>
      </c>
      <c r="G265" s="5" t="s">
        <v>195</v>
      </c>
      <c r="H265" s="5" t="s">
        <v>107</v>
      </c>
      <c r="I265" s="5">
        <v>23</v>
      </c>
      <c r="J265" s="5">
        <v>23</v>
      </c>
      <c r="K265" s="5">
        <v>15</v>
      </c>
      <c r="L265" s="5">
        <v>15</v>
      </c>
      <c r="M265" s="5">
        <v>132</v>
      </c>
    </row>
    <row r="266" spans="2:13">
      <c r="B266" s="4" t="s">
        <v>269</v>
      </c>
      <c r="C266" s="4" t="s">
        <v>274</v>
      </c>
      <c r="D266" s="4" t="s">
        <v>76</v>
      </c>
      <c r="E266" s="4" t="s">
        <v>135</v>
      </c>
      <c r="F266" s="4">
        <v>64</v>
      </c>
      <c r="G266" s="4" t="s">
        <v>127</v>
      </c>
      <c r="H266" s="4" t="s">
        <v>125</v>
      </c>
      <c r="I266" s="4">
        <v>27</v>
      </c>
      <c r="J266" s="4">
        <v>27</v>
      </c>
      <c r="K266" s="4">
        <v>19</v>
      </c>
      <c r="L266" s="4">
        <v>19</v>
      </c>
      <c r="M266" s="4">
        <v>182</v>
      </c>
    </row>
    <row r="267" spans="2:13">
      <c r="B267" s="5" t="s">
        <v>269</v>
      </c>
      <c r="C267" s="5" t="s">
        <v>274</v>
      </c>
      <c r="D267" s="5" t="s">
        <v>76</v>
      </c>
      <c r="E267" s="5" t="s">
        <v>134</v>
      </c>
      <c r="F267" s="5">
        <v>64</v>
      </c>
      <c r="G267" s="5" t="s">
        <v>127</v>
      </c>
      <c r="H267" s="5" t="s">
        <v>125</v>
      </c>
      <c r="I267" s="5">
        <v>27</v>
      </c>
      <c r="J267" s="5">
        <v>27</v>
      </c>
      <c r="K267" s="5">
        <v>19</v>
      </c>
      <c r="L267" s="5">
        <v>19</v>
      </c>
      <c r="M267" s="5">
        <v>182</v>
      </c>
    </row>
    <row r="268" spans="2:13">
      <c r="B268" s="3" t="s">
        <v>269</v>
      </c>
      <c r="C268" s="3" t="s">
        <v>275</v>
      </c>
      <c r="D268" s="3" t="s">
        <v>76</v>
      </c>
      <c r="E268" s="3" t="s">
        <v>135</v>
      </c>
      <c r="F268" s="3">
        <v>64</v>
      </c>
      <c r="G268" s="3" t="s">
        <v>223</v>
      </c>
      <c r="H268" s="3" t="s">
        <v>116</v>
      </c>
      <c r="I268" s="3">
        <v>27</v>
      </c>
      <c r="J268" s="3">
        <v>27</v>
      </c>
      <c r="K268" s="3">
        <v>19</v>
      </c>
      <c r="L268" s="3">
        <v>19</v>
      </c>
      <c r="M268" s="3">
        <v>182</v>
      </c>
    </row>
    <row r="269" spans="2:13">
      <c r="B269" s="5" t="s">
        <v>269</v>
      </c>
      <c r="C269" s="5" t="s">
        <v>275</v>
      </c>
      <c r="D269" s="5" t="s">
        <v>76</v>
      </c>
      <c r="E269" s="5" t="s">
        <v>134</v>
      </c>
      <c r="F269" s="5">
        <v>64</v>
      </c>
      <c r="G269" s="5" t="s">
        <v>223</v>
      </c>
      <c r="H269" s="5" t="s">
        <v>116</v>
      </c>
      <c r="I269" s="5">
        <v>27</v>
      </c>
      <c r="J269" s="5">
        <v>27</v>
      </c>
      <c r="K269" s="5">
        <v>19</v>
      </c>
      <c r="L269" s="5">
        <v>19</v>
      </c>
      <c r="M269" s="5">
        <v>182</v>
      </c>
    </row>
    <row r="270" spans="2:13">
      <c r="B270" s="4" t="s">
        <v>269</v>
      </c>
      <c r="C270" s="4" t="s">
        <v>276</v>
      </c>
      <c r="D270" s="4" t="s">
        <v>76</v>
      </c>
      <c r="E270" s="4" t="s">
        <v>134</v>
      </c>
      <c r="F270" s="4">
        <v>64</v>
      </c>
      <c r="G270" s="4" t="s">
        <v>195</v>
      </c>
      <c r="H270" s="4" t="s">
        <v>107</v>
      </c>
      <c r="I270" s="4">
        <v>27</v>
      </c>
      <c r="J270" s="4">
        <v>27</v>
      </c>
      <c r="K270" s="4">
        <v>19</v>
      </c>
      <c r="L270" s="4">
        <v>19</v>
      </c>
      <c r="M270" s="4">
        <v>182</v>
      </c>
    </row>
    <row r="271" spans="2:13">
      <c r="B271" s="5" t="s">
        <v>269</v>
      </c>
      <c r="C271" s="5" t="s">
        <v>276</v>
      </c>
      <c r="D271" s="5" t="s">
        <v>76</v>
      </c>
      <c r="E271" s="5" t="s">
        <v>135</v>
      </c>
      <c r="F271" s="5">
        <v>64</v>
      </c>
      <c r="G271" s="5" t="s">
        <v>195</v>
      </c>
      <c r="H271" s="5" t="s">
        <v>107</v>
      </c>
      <c r="I271" s="5">
        <v>27</v>
      </c>
      <c r="J271" s="5">
        <v>27</v>
      </c>
      <c r="K271" s="5">
        <v>19</v>
      </c>
      <c r="L271" s="5">
        <v>19</v>
      </c>
      <c r="M271" s="5">
        <v>182</v>
      </c>
    </row>
    <row r="272" spans="2:13">
      <c r="B272" s="4" t="s">
        <v>269</v>
      </c>
      <c r="C272" s="4" t="s">
        <v>277</v>
      </c>
      <c r="D272" s="4" t="s">
        <v>76</v>
      </c>
      <c r="E272" s="4" t="s">
        <v>278</v>
      </c>
      <c r="F272" s="4">
        <v>100</v>
      </c>
      <c r="G272" s="4" t="s">
        <v>127</v>
      </c>
      <c r="H272" s="4" t="s">
        <v>125</v>
      </c>
      <c r="I272" s="4">
        <v>32</v>
      </c>
      <c r="J272" s="4">
        <v>32</v>
      </c>
      <c r="K272" s="4">
        <v>24</v>
      </c>
      <c r="L272" s="4">
        <v>24</v>
      </c>
      <c r="M272" s="4">
        <v>256</v>
      </c>
    </row>
    <row r="273" spans="2:13">
      <c r="B273" s="5" t="s">
        <v>269</v>
      </c>
      <c r="C273" s="5" t="s">
        <v>277</v>
      </c>
      <c r="D273" s="5" t="s">
        <v>76</v>
      </c>
      <c r="E273" s="5" t="s">
        <v>192</v>
      </c>
      <c r="F273" s="5">
        <v>100</v>
      </c>
      <c r="G273" s="5" t="s">
        <v>127</v>
      </c>
      <c r="H273" s="5" t="s">
        <v>125</v>
      </c>
      <c r="I273" s="5">
        <v>32</v>
      </c>
      <c r="J273" s="5">
        <v>32</v>
      </c>
      <c r="K273" s="5">
        <v>24</v>
      </c>
      <c r="L273" s="5">
        <v>24</v>
      </c>
      <c r="M273" s="5">
        <v>256</v>
      </c>
    </row>
    <row r="274" spans="2:13">
      <c r="B274" s="4" t="s">
        <v>269</v>
      </c>
      <c r="C274" s="4" t="s">
        <v>279</v>
      </c>
      <c r="D274" s="4" t="s">
        <v>76</v>
      </c>
      <c r="E274" s="4" t="s">
        <v>278</v>
      </c>
      <c r="F274" s="4">
        <v>100</v>
      </c>
      <c r="G274" s="4" t="s">
        <v>223</v>
      </c>
      <c r="H274" s="4" t="s">
        <v>116</v>
      </c>
      <c r="I274" s="4">
        <v>32</v>
      </c>
      <c r="J274" s="4">
        <v>32</v>
      </c>
      <c r="K274" s="4">
        <v>24</v>
      </c>
      <c r="L274" s="4">
        <v>24</v>
      </c>
      <c r="M274" s="4">
        <v>256</v>
      </c>
    </row>
    <row r="275" spans="2:13">
      <c r="B275" s="5" t="s">
        <v>269</v>
      </c>
      <c r="C275" s="5" t="s">
        <v>279</v>
      </c>
      <c r="D275" s="5" t="s">
        <v>76</v>
      </c>
      <c r="E275" s="5" t="s">
        <v>192</v>
      </c>
      <c r="F275" s="5">
        <v>100</v>
      </c>
      <c r="G275" s="5" t="s">
        <v>223</v>
      </c>
      <c r="H275" s="5" t="s">
        <v>116</v>
      </c>
      <c r="I275" s="5">
        <v>32</v>
      </c>
      <c r="J275" s="5">
        <v>32</v>
      </c>
      <c r="K275" s="5">
        <v>24</v>
      </c>
      <c r="L275" s="5">
        <v>24</v>
      </c>
      <c r="M275" s="5">
        <v>256</v>
      </c>
    </row>
    <row r="276" spans="2:13">
      <c r="B276" s="4" t="s">
        <v>269</v>
      </c>
      <c r="C276" s="4" t="s">
        <v>280</v>
      </c>
      <c r="D276" s="4" t="s">
        <v>76</v>
      </c>
      <c r="E276" s="4" t="s">
        <v>278</v>
      </c>
      <c r="F276" s="4">
        <v>100</v>
      </c>
      <c r="G276" s="4" t="s">
        <v>195</v>
      </c>
      <c r="H276" s="4" t="s">
        <v>107</v>
      </c>
      <c r="I276" s="4">
        <v>32</v>
      </c>
      <c r="J276" s="4">
        <v>32</v>
      </c>
      <c r="K276" s="4">
        <v>24</v>
      </c>
      <c r="L276" s="4">
        <v>24</v>
      </c>
      <c r="M276" s="4">
        <v>256</v>
      </c>
    </row>
    <row r="277" spans="2:13">
      <c r="B277" s="6" t="s">
        <v>269</v>
      </c>
      <c r="C277" s="6" t="s">
        <v>280</v>
      </c>
      <c r="D277" s="6" t="s">
        <v>76</v>
      </c>
      <c r="E277" s="6" t="s">
        <v>192</v>
      </c>
      <c r="F277" s="6">
        <v>100</v>
      </c>
      <c r="G277" s="6" t="s">
        <v>195</v>
      </c>
      <c r="H277" s="6" t="s">
        <v>107</v>
      </c>
      <c r="I277" s="6">
        <v>32</v>
      </c>
      <c r="J277" s="6">
        <v>32</v>
      </c>
      <c r="K277" s="6">
        <v>24</v>
      </c>
      <c r="L277" s="6">
        <v>24</v>
      </c>
      <c r="M277" s="6">
        <v>256</v>
      </c>
    </row>
    <row r="278" spans="2:13">
      <c r="B278" s="7" t="s">
        <v>281</v>
      </c>
      <c r="C278" s="7" t="s">
        <v>282</v>
      </c>
      <c r="D278" s="7" t="s">
        <v>76</v>
      </c>
      <c r="E278" s="7" t="s">
        <v>120</v>
      </c>
      <c r="F278" s="7">
        <v>48</v>
      </c>
      <c r="G278" s="7" t="s">
        <v>144</v>
      </c>
      <c r="H278" s="7" t="s">
        <v>108</v>
      </c>
      <c r="I278" s="7">
        <v>19</v>
      </c>
      <c r="J278" s="7">
        <v>10</v>
      </c>
      <c r="K278" s="7">
        <v>9</v>
      </c>
      <c r="L278" s="7">
        <v>9</v>
      </c>
      <c r="M278" s="7">
        <v>60</v>
      </c>
    </row>
    <row r="279" spans="2:13">
      <c r="B279" s="8" t="s">
        <v>281</v>
      </c>
      <c r="C279" s="8" t="s">
        <v>283</v>
      </c>
      <c r="D279" s="8" t="s">
        <v>76</v>
      </c>
      <c r="E279" s="8" t="s">
        <v>120</v>
      </c>
      <c r="F279" s="8">
        <v>48</v>
      </c>
      <c r="G279" s="8" t="s">
        <v>144</v>
      </c>
      <c r="H279" s="8" t="s">
        <v>108</v>
      </c>
      <c r="I279" s="8">
        <v>19</v>
      </c>
      <c r="J279" s="8">
        <v>10</v>
      </c>
      <c r="K279" s="8">
        <v>9</v>
      </c>
      <c r="L279" s="8">
        <v>9</v>
      </c>
      <c r="M279" s="8">
        <v>60</v>
      </c>
    </row>
    <row r="280" spans="2:13">
      <c r="B280" s="4" t="s">
        <v>281</v>
      </c>
      <c r="C280" s="4" t="s">
        <v>284</v>
      </c>
      <c r="D280" s="4" t="s">
        <v>76</v>
      </c>
      <c r="E280" s="4" t="s">
        <v>120</v>
      </c>
      <c r="F280" s="4">
        <v>48</v>
      </c>
      <c r="G280" s="4" t="s">
        <v>110</v>
      </c>
      <c r="H280" s="4" t="s">
        <v>108</v>
      </c>
      <c r="I280" s="4">
        <v>19</v>
      </c>
      <c r="J280" s="4">
        <v>10</v>
      </c>
      <c r="K280" s="4">
        <v>9</v>
      </c>
      <c r="L280" s="4">
        <v>9</v>
      </c>
      <c r="M280" s="4">
        <v>60</v>
      </c>
    </row>
    <row r="281" spans="2:13">
      <c r="B281" s="5" t="s">
        <v>281</v>
      </c>
      <c r="C281" s="5" t="s">
        <v>285</v>
      </c>
      <c r="D281" s="5" t="s">
        <v>76</v>
      </c>
      <c r="E281" s="5" t="s">
        <v>120</v>
      </c>
      <c r="F281" s="5">
        <v>48</v>
      </c>
      <c r="G281" s="5" t="s">
        <v>110</v>
      </c>
      <c r="H281" s="5" t="s">
        <v>108</v>
      </c>
      <c r="I281" s="5">
        <v>19</v>
      </c>
      <c r="J281" s="5">
        <v>10</v>
      </c>
      <c r="K281" s="5">
        <v>9</v>
      </c>
      <c r="L281" s="5">
        <v>9</v>
      </c>
      <c r="M281" s="5">
        <v>60</v>
      </c>
    </row>
    <row r="282" spans="2:13">
      <c r="B282" s="4" t="s">
        <v>281</v>
      </c>
      <c r="C282" s="4" t="s">
        <v>286</v>
      </c>
      <c r="D282" s="4" t="s">
        <v>76</v>
      </c>
      <c r="E282" s="4" t="s">
        <v>120</v>
      </c>
      <c r="F282" s="4">
        <v>48</v>
      </c>
      <c r="G282" s="4" t="s">
        <v>127</v>
      </c>
      <c r="H282" s="4" t="s">
        <v>125</v>
      </c>
      <c r="I282" s="4">
        <v>19</v>
      </c>
      <c r="J282" s="4">
        <v>10</v>
      </c>
      <c r="K282" s="4">
        <v>9</v>
      </c>
      <c r="L282" s="4">
        <v>9</v>
      </c>
      <c r="M282" s="4">
        <v>90</v>
      </c>
    </row>
    <row r="283" spans="2:13">
      <c r="B283" s="5" t="s">
        <v>281</v>
      </c>
      <c r="C283" s="5" t="s">
        <v>287</v>
      </c>
      <c r="D283" s="5" t="s">
        <v>76</v>
      </c>
      <c r="E283" s="5" t="s">
        <v>120</v>
      </c>
      <c r="F283" s="5">
        <v>48</v>
      </c>
      <c r="G283" s="5" t="s">
        <v>127</v>
      </c>
      <c r="H283" s="5" t="s">
        <v>125</v>
      </c>
      <c r="I283" s="5">
        <v>19</v>
      </c>
      <c r="J283" s="5">
        <v>10</v>
      </c>
      <c r="K283" s="5">
        <v>9</v>
      </c>
      <c r="L283" s="5">
        <v>9</v>
      </c>
      <c r="M283" s="5">
        <v>90</v>
      </c>
    </row>
    <row r="284" spans="2:13">
      <c r="B284" s="3" t="s">
        <v>50</v>
      </c>
      <c r="C284" s="4" t="s">
        <v>288</v>
      </c>
      <c r="D284" s="4" t="s">
        <v>52</v>
      </c>
      <c r="E284" s="4" t="s">
        <v>53</v>
      </c>
      <c r="F284" s="4">
        <v>14</v>
      </c>
      <c r="G284" s="4" t="s">
        <v>107</v>
      </c>
      <c r="H284" s="4">
        <v>2048</v>
      </c>
      <c r="I284" s="4">
        <v>6</v>
      </c>
      <c r="J284" s="4">
        <v>6</v>
      </c>
      <c r="K284" s="4">
        <v>6</v>
      </c>
      <c r="L284" s="4">
        <v>6</v>
      </c>
      <c r="M284" s="4">
        <v>9</v>
      </c>
    </row>
    <row r="285" spans="2:13">
      <c r="B285" s="5" t="s">
        <v>50</v>
      </c>
      <c r="C285" s="5" t="s">
        <v>289</v>
      </c>
      <c r="D285" s="5" t="s">
        <v>52</v>
      </c>
      <c r="E285" s="5" t="s">
        <v>53</v>
      </c>
      <c r="F285" s="5">
        <v>14</v>
      </c>
      <c r="G285" s="5" t="s">
        <v>107</v>
      </c>
      <c r="H285" s="5">
        <v>2048</v>
      </c>
      <c r="I285" s="5">
        <v>6</v>
      </c>
      <c r="J285" s="5">
        <v>6</v>
      </c>
      <c r="K285" s="5">
        <v>6</v>
      </c>
      <c r="L285" s="5">
        <v>6</v>
      </c>
      <c r="M285" s="5">
        <v>9</v>
      </c>
    </row>
    <row r="286" spans="2:13">
      <c r="B286" s="3" t="s">
        <v>50</v>
      </c>
      <c r="C286" s="4" t="s">
        <v>290</v>
      </c>
      <c r="D286" s="4" t="s">
        <v>52</v>
      </c>
      <c r="E286" s="4" t="s">
        <v>57</v>
      </c>
      <c r="F286" s="4">
        <v>20</v>
      </c>
      <c r="G286" s="4" t="s">
        <v>107</v>
      </c>
      <c r="H286" s="4">
        <v>2048</v>
      </c>
      <c r="I286" s="4">
        <v>12</v>
      </c>
      <c r="J286" s="4">
        <v>12</v>
      </c>
      <c r="K286" s="4">
        <v>12</v>
      </c>
      <c r="L286" s="4">
        <v>12</v>
      </c>
      <c r="M286" s="4">
        <v>36</v>
      </c>
    </row>
    <row r="287" spans="2:13">
      <c r="B287" s="5" t="s">
        <v>50</v>
      </c>
      <c r="C287" s="5" t="s">
        <v>291</v>
      </c>
      <c r="D287" s="5" t="s">
        <v>52</v>
      </c>
      <c r="E287" s="5" t="s">
        <v>57</v>
      </c>
      <c r="F287" s="5">
        <v>20</v>
      </c>
      <c r="G287" s="5" t="s">
        <v>107</v>
      </c>
      <c r="H287" s="5">
        <v>2048</v>
      </c>
      <c r="I287" s="5">
        <v>12</v>
      </c>
      <c r="J287" s="5">
        <v>12</v>
      </c>
      <c r="K287" s="5">
        <v>12</v>
      </c>
      <c r="L287" s="5">
        <v>12</v>
      </c>
      <c r="M287" s="5">
        <v>36</v>
      </c>
    </row>
    <row r="288" spans="2:13">
      <c r="B288" s="3" t="s">
        <v>50</v>
      </c>
      <c r="C288" s="4" t="s">
        <v>292</v>
      </c>
      <c r="D288" s="4" t="s">
        <v>52</v>
      </c>
      <c r="E288" s="4" t="s">
        <v>64</v>
      </c>
      <c r="F288" s="4">
        <v>24</v>
      </c>
      <c r="G288" s="4" t="s">
        <v>107</v>
      </c>
      <c r="H288" s="4">
        <v>2048</v>
      </c>
      <c r="I288" s="4">
        <v>14</v>
      </c>
      <c r="J288" s="4">
        <v>14</v>
      </c>
      <c r="K288" s="4">
        <v>14</v>
      </c>
      <c r="L288" s="4">
        <v>14</v>
      </c>
      <c r="M288" s="4">
        <v>49</v>
      </c>
    </row>
    <row r="289" spans="2:13">
      <c r="B289" s="5" t="s">
        <v>50</v>
      </c>
      <c r="C289" s="5" t="s">
        <v>293</v>
      </c>
      <c r="D289" s="5" t="s">
        <v>52</v>
      </c>
      <c r="E289" s="5" t="s">
        <v>64</v>
      </c>
      <c r="F289" s="5">
        <v>24</v>
      </c>
      <c r="G289" s="5" t="s">
        <v>107</v>
      </c>
      <c r="H289" s="5">
        <v>2048</v>
      </c>
      <c r="I289" s="5">
        <v>14</v>
      </c>
      <c r="J289" s="5">
        <v>14</v>
      </c>
      <c r="K289" s="5">
        <v>14</v>
      </c>
      <c r="L289" s="5">
        <v>14</v>
      </c>
      <c r="M289" s="5">
        <v>49</v>
      </c>
    </row>
    <row r="290" spans="2:13">
      <c r="B290" s="4" t="s">
        <v>294</v>
      </c>
      <c r="C290" s="4" t="s">
        <v>295</v>
      </c>
      <c r="D290" s="4" t="s">
        <v>296</v>
      </c>
      <c r="E290" s="4" t="s">
        <v>297</v>
      </c>
      <c r="F290" s="4">
        <v>24</v>
      </c>
      <c r="G290" s="4" t="s">
        <v>298</v>
      </c>
      <c r="H290" s="4" t="s">
        <v>108</v>
      </c>
      <c r="I290" s="4">
        <v>16</v>
      </c>
      <c r="J290" s="4">
        <v>16</v>
      </c>
      <c r="K290" s="4">
        <v>16</v>
      </c>
      <c r="L290" s="4">
        <v>16</v>
      </c>
      <c r="M290" s="4">
        <v>64</v>
      </c>
    </row>
    <row r="291" spans="2:13">
      <c r="B291" s="5" t="s">
        <v>294</v>
      </c>
      <c r="C291" s="5" t="s">
        <v>295</v>
      </c>
      <c r="D291" s="5" t="s">
        <v>296</v>
      </c>
      <c r="E291" s="5" t="s">
        <v>85</v>
      </c>
      <c r="F291" s="5">
        <v>24</v>
      </c>
      <c r="G291" s="5" t="s">
        <v>298</v>
      </c>
      <c r="H291" s="5" t="s">
        <v>108</v>
      </c>
      <c r="I291" s="5">
        <v>16</v>
      </c>
      <c r="J291" s="5">
        <v>16</v>
      </c>
      <c r="K291" s="5">
        <v>16</v>
      </c>
      <c r="L291" s="5">
        <v>16</v>
      </c>
      <c r="M291" s="5">
        <v>64</v>
      </c>
    </row>
    <row r="292" spans="2:13">
      <c r="B292" s="4" t="s">
        <v>294</v>
      </c>
      <c r="C292" s="4" t="s">
        <v>299</v>
      </c>
      <c r="D292" s="4" t="s">
        <v>296</v>
      </c>
      <c r="E292" s="4" t="s">
        <v>297</v>
      </c>
      <c r="F292" s="4">
        <v>24</v>
      </c>
      <c r="G292" s="4" t="s">
        <v>300</v>
      </c>
      <c r="H292" s="4" t="s">
        <v>125</v>
      </c>
      <c r="I292" s="4">
        <v>16</v>
      </c>
      <c r="J292" s="4">
        <v>16</v>
      </c>
      <c r="K292" s="4">
        <v>16</v>
      </c>
      <c r="L292" s="4">
        <v>16</v>
      </c>
      <c r="M292" s="4">
        <v>64</v>
      </c>
    </row>
    <row r="293" spans="2:13">
      <c r="B293" s="5" t="s">
        <v>294</v>
      </c>
      <c r="C293" s="5" t="s">
        <v>299</v>
      </c>
      <c r="D293" s="5" t="s">
        <v>296</v>
      </c>
      <c r="E293" s="5" t="s">
        <v>85</v>
      </c>
      <c r="F293" s="5">
        <v>24</v>
      </c>
      <c r="G293" s="5" t="s">
        <v>300</v>
      </c>
      <c r="H293" s="5" t="s">
        <v>125</v>
      </c>
      <c r="I293" s="6">
        <v>16</v>
      </c>
      <c r="J293" s="6">
        <v>16</v>
      </c>
      <c r="K293" s="6">
        <v>16</v>
      </c>
      <c r="L293" s="6">
        <v>16</v>
      </c>
      <c r="M293" s="6">
        <v>64</v>
      </c>
    </row>
    <row r="294" spans="2:13">
      <c r="B294" s="3" t="s">
        <v>294</v>
      </c>
      <c r="C294" s="4" t="s">
        <v>301</v>
      </c>
      <c r="D294" s="4" t="s">
        <v>296</v>
      </c>
      <c r="E294" s="4" t="s">
        <v>297</v>
      </c>
      <c r="F294" s="4">
        <v>24</v>
      </c>
      <c r="G294" s="4" t="s">
        <v>127</v>
      </c>
      <c r="H294" s="4" t="s">
        <v>116</v>
      </c>
      <c r="I294" s="7">
        <v>16</v>
      </c>
      <c r="J294" s="7">
        <v>16</v>
      </c>
      <c r="K294" s="7">
        <v>16</v>
      </c>
      <c r="L294" s="7">
        <v>16</v>
      </c>
      <c r="M294" s="7">
        <v>64</v>
      </c>
    </row>
    <row r="295" spans="2:13">
      <c r="B295" s="5" t="s">
        <v>294</v>
      </c>
      <c r="C295" s="5" t="s">
        <v>301</v>
      </c>
      <c r="D295" s="5" t="s">
        <v>296</v>
      </c>
      <c r="E295" s="5" t="s">
        <v>85</v>
      </c>
      <c r="F295" s="5">
        <v>24</v>
      </c>
      <c r="G295" s="5" t="s">
        <v>127</v>
      </c>
      <c r="H295" s="5" t="s">
        <v>116</v>
      </c>
      <c r="I295" s="8">
        <v>16</v>
      </c>
      <c r="J295" s="8">
        <v>16</v>
      </c>
      <c r="K295" s="8">
        <v>16</v>
      </c>
      <c r="L295" s="8">
        <v>16</v>
      </c>
      <c r="M295" s="8">
        <v>64</v>
      </c>
    </row>
    <row r="296" spans="2:13">
      <c r="B296" s="3" t="s">
        <v>294</v>
      </c>
      <c r="C296" s="4" t="s">
        <v>302</v>
      </c>
      <c r="D296" s="4" t="s">
        <v>296</v>
      </c>
      <c r="E296" s="4" t="s">
        <v>89</v>
      </c>
      <c r="F296" s="4">
        <v>32</v>
      </c>
      <c r="G296" s="4" t="s">
        <v>298</v>
      </c>
      <c r="H296" s="4" t="s">
        <v>108</v>
      </c>
      <c r="I296" s="4">
        <v>20</v>
      </c>
      <c r="J296" s="4">
        <v>20</v>
      </c>
      <c r="K296" s="4">
        <v>20</v>
      </c>
      <c r="L296" s="4">
        <v>20</v>
      </c>
      <c r="M296" s="4">
        <v>100</v>
      </c>
    </row>
    <row r="297" spans="2:13">
      <c r="B297" s="5" t="s">
        <v>294</v>
      </c>
      <c r="C297" s="5" t="s">
        <v>302</v>
      </c>
      <c r="D297" s="5" t="s">
        <v>296</v>
      </c>
      <c r="E297" s="5" t="s">
        <v>106</v>
      </c>
      <c r="F297" s="5">
        <v>32</v>
      </c>
      <c r="G297" s="5" t="s">
        <v>298</v>
      </c>
      <c r="H297" s="5" t="s">
        <v>108</v>
      </c>
      <c r="I297" s="5">
        <v>20</v>
      </c>
      <c r="J297" s="5">
        <v>20</v>
      </c>
      <c r="K297" s="5">
        <v>20</v>
      </c>
      <c r="L297" s="5">
        <v>20</v>
      </c>
      <c r="M297" s="5">
        <v>100</v>
      </c>
    </row>
    <row r="298" spans="2:13">
      <c r="B298" s="3" t="s">
        <v>294</v>
      </c>
      <c r="C298" s="4" t="s">
        <v>303</v>
      </c>
      <c r="D298" s="4" t="s">
        <v>296</v>
      </c>
      <c r="E298" s="4" t="s">
        <v>106</v>
      </c>
      <c r="F298" s="4">
        <v>32</v>
      </c>
      <c r="G298" s="4" t="s">
        <v>300</v>
      </c>
      <c r="H298" s="4" t="s">
        <v>125</v>
      </c>
      <c r="I298" s="4">
        <v>20</v>
      </c>
      <c r="J298" s="4">
        <v>20</v>
      </c>
      <c r="K298" s="4">
        <v>20</v>
      </c>
      <c r="L298" s="4">
        <v>20</v>
      </c>
      <c r="M298" s="4">
        <v>100</v>
      </c>
    </row>
    <row r="299" spans="2:13">
      <c r="B299" s="5" t="s">
        <v>294</v>
      </c>
      <c r="C299" s="5" t="s">
        <v>303</v>
      </c>
      <c r="D299" s="5" t="s">
        <v>296</v>
      </c>
      <c r="E299" s="5" t="s">
        <v>89</v>
      </c>
      <c r="F299" s="5">
        <v>32</v>
      </c>
      <c r="G299" s="5" t="s">
        <v>300</v>
      </c>
      <c r="H299" s="5" t="s">
        <v>125</v>
      </c>
      <c r="I299" s="5">
        <v>20</v>
      </c>
      <c r="J299" s="5">
        <v>20</v>
      </c>
      <c r="K299" s="5">
        <v>20</v>
      </c>
      <c r="L299" s="5">
        <v>20</v>
      </c>
      <c r="M299" s="5">
        <v>100</v>
      </c>
    </row>
    <row r="300" spans="2:13">
      <c r="B300" s="3" t="s">
        <v>294</v>
      </c>
      <c r="C300" s="4" t="s">
        <v>304</v>
      </c>
      <c r="D300" s="4" t="s">
        <v>296</v>
      </c>
      <c r="E300" s="4" t="s">
        <v>106</v>
      </c>
      <c r="F300" s="4">
        <v>32</v>
      </c>
      <c r="G300" s="4" t="s">
        <v>127</v>
      </c>
      <c r="H300" s="4" t="s">
        <v>116</v>
      </c>
      <c r="I300" s="4">
        <v>20</v>
      </c>
      <c r="J300" s="4">
        <v>20</v>
      </c>
      <c r="K300" s="4">
        <v>20</v>
      </c>
      <c r="L300" s="4">
        <v>20</v>
      </c>
      <c r="M300" s="4">
        <v>100</v>
      </c>
    </row>
    <row r="301" spans="2:13">
      <c r="B301" s="5" t="s">
        <v>294</v>
      </c>
      <c r="C301" s="5" t="s">
        <v>304</v>
      </c>
      <c r="D301" s="5" t="s">
        <v>296</v>
      </c>
      <c r="E301" s="5" t="s">
        <v>89</v>
      </c>
      <c r="F301" s="5">
        <v>32</v>
      </c>
      <c r="G301" s="5" t="s">
        <v>127</v>
      </c>
      <c r="H301" s="5" t="s">
        <v>116</v>
      </c>
      <c r="I301" s="5">
        <v>20</v>
      </c>
      <c r="J301" s="5">
        <v>20</v>
      </c>
      <c r="K301" s="5">
        <v>20</v>
      </c>
      <c r="L301" s="5">
        <v>20</v>
      </c>
      <c r="M301" s="5">
        <v>100</v>
      </c>
    </row>
    <row r="302" spans="2:13">
      <c r="B302" s="4" t="s">
        <v>305</v>
      </c>
      <c r="C302" s="4" t="s">
        <v>306</v>
      </c>
      <c r="D302" s="4" t="s">
        <v>296</v>
      </c>
      <c r="E302" s="4" t="s">
        <v>297</v>
      </c>
      <c r="F302" s="4">
        <v>24</v>
      </c>
      <c r="G302" s="4" t="s">
        <v>298</v>
      </c>
      <c r="H302" s="4" t="s">
        <v>125</v>
      </c>
      <c r="I302" s="4">
        <v>16</v>
      </c>
      <c r="J302" s="4">
        <v>16</v>
      </c>
      <c r="K302" s="4">
        <v>16</v>
      </c>
      <c r="L302" s="4">
        <v>16</v>
      </c>
      <c r="M302" s="4">
        <v>64</v>
      </c>
    </row>
    <row r="303" spans="2:13">
      <c r="B303" s="5" t="s">
        <v>305</v>
      </c>
      <c r="C303" s="5" t="s">
        <v>306</v>
      </c>
      <c r="D303" s="5" t="s">
        <v>296</v>
      </c>
      <c r="E303" s="5" t="s">
        <v>85</v>
      </c>
      <c r="F303" s="5">
        <v>24</v>
      </c>
      <c r="G303" s="5" t="s">
        <v>298</v>
      </c>
      <c r="H303" s="5" t="s">
        <v>125</v>
      </c>
      <c r="I303" s="5">
        <v>16</v>
      </c>
      <c r="J303" s="5">
        <v>16</v>
      </c>
      <c r="K303" s="5">
        <v>16</v>
      </c>
      <c r="L303" s="5">
        <v>16</v>
      </c>
      <c r="M303" s="5">
        <v>64</v>
      </c>
    </row>
    <row r="304" spans="2:13">
      <c r="B304" s="4" t="s">
        <v>305</v>
      </c>
      <c r="C304" s="4" t="s">
        <v>307</v>
      </c>
      <c r="D304" s="4" t="s">
        <v>296</v>
      </c>
      <c r="E304" s="4" t="s">
        <v>297</v>
      </c>
      <c r="F304" s="4">
        <v>24</v>
      </c>
      <c r="G304" s="4" t="s">
        <v>300</v>
      </c>
      <c r="H304" s="4" t="s">
        <v>125</v>
      </c>
      <c r="I304" s="4">
        <v>16</v>
      </c>
      <c r="J304" s="4">
        <v>16</v>
      </c>
      <c r="K304" s="4">
        <v>16</v>
      </c>
      <c r="L304" s="4">
        <v>16</v>
      </c>
      <c r="M304" s="4">
        <v>64</v>
      </c>
    </row>
    <row r="305" spans="2:13">
      <c r="B305" s="5" t="s">
        <v>305</v>
      </c>
      <c r="C305" s="5" t="s">
        <v>307</v>
      </c>
      <c r="D305" s="5" t="s">
        <v>296</v>
      </c>
      <c r="E305" s="5" t="s">
        <v>85</v>
      </c>
      <c r="F305" s="5">
        <v>24</v>
      </c>
      <c r="G305" s="5" t="s">
        <v>300</v>
      </c>
      <c r="H305" s="5" t="s">
        <v>125</v>
      </c>
      <c r="I305" s="6">
        <v>16</v>
      </c>
      <c r="J305" s="6">
        <v>16</v>
      </c>
      <c r="K305" s="6">
        <v>16</v>
      </c>
      <c r="L305" s="6">
        <v>16</v>
      </c>
      <c r="M305" s="6">
        <v>64</v>
      </c>
    </row>
    <row r="306" spans="2:13">
      <c r="B306" s="3" t="s">
        <v>305</v>
      </c>
      <c r="C306" s="4" t="s">
        <v>308</v>
      </c>
      <c r="D306" s="4" t="s">
        <v>296</v>
      </c>
      <c r="E306" s="4" t="s">
        <v>297</v>
      </c>
      <c r="F306" s="4">
        <v>24</v>
      </c>
      <c r="G306" s="4" t="s">
        <v>127</v>
      </c>
      <c r="H306" s="4" t="s">
        <v>116</v>
      </c>
      <c r="I306" s="7">
        <v>16</v>
      </c>
      <c r="J306" s="7">
        <v>16</v>
      </c>
      <c r="K306" s="7">
        <v>16</v>
      </c>
      <c r="L306" s="7">
        <v>16</v>
      </c>
      <c r="M306" s="7">
        <v>64</v>
      </c>
    </row>
    <row r="307" spans="2:13">
      <c r="B307" s="5" t="s">
        <v>305</v>
      </c>
      <c r="C307" s="5" t="s">
        <v>308</v>
      </c>
      <c r="D307" s="5" t="s">
        <v>296</v>
      </c>
      <c r="E307" s="5" t="s">
        <v>85</v>
      </c>
      <c r="F307" s="5">
        <v>24</v>
      </c>
      <c r="G307" s="5" t="s">
        <v>127</v>
      </c>
      <c r="H307" s="5" t="s">
        <v>116</v>
      </c>
      <c r="I307" s="8">
        <v>16</v>
      </c>
      <c r="J307" s="8">
        <v>16</v>
      </c>
      <c r="K307" s="8">
        <v>16</v>
      </c>
      <c r="L307" s="8">
        <v>16</v>
      </c>
      <c r="M307" s="8">
        <v>64</v>
      </c>
    </row>
    <row r="308" spans="2:13">
      <c r="B308" s="3" t="s">
        <v>305</v>
      </c>
      <c r="C308" s="4" t="s">
        <v>309</v>
      </c>
      <c r="D308" s="4" t="s">
        <v>296</v>
      </c>
      <c r="E308" s="4" t="s">
        <v>89</v>
      </c>
      <c r="F308" s="4">
        <v>32</v>
      </c>
      <c r="G308" s="4" t="s">
        <v>298</v>
      </c>
      <c r="H308" s="4" t="s">
        <v>125</v>
      </c>
      <c r="I308" s="4">
        <v>20</v>
      </c>
      <c r="J308" s="4">
        <v>20</v>
      </c>
      <c r="K308" s="4">
        <v>20</v>
      </c>
      <c r="L308" s="4">
        <v>20</v>
      </c>
      <c r="M308" s="4">
        <v>100</v>
      </c>
    </row>
    <row r="309" spans="2:13">
      <c r="B309" s="5" t="s">
        <v>305</v>
      </c>
      <c r="C309" s="5" t="s">
        <v>309</v>
      </c>
      <c r="D309" s="5" t="s">
        <v>296</v>
      </c>
      <c r="E309" s="5" t="s">
        <v>106</v>
      </c>
      <c r="F309" s="5">
        <v>32</v>
      </c>
      <c r="G309" s="5" t="s">
        <v>298</v>
      </c>
      <c r="H309" s="5" t="s">
        <v>125</v>
      </c>
      <c r="I309" s="5">
        <v>20</v>
      </c>
      <c r="J309" s="5">
        <v>20</v>
      </c>
      <c r="K309" s="5">
        <v>20</v>
      </c>
      <c r="L309" s="5">
        <v>20</v>
      </c>
      <c r="M309" s="5">
        <v>100</v>
      </c>
    </row>
    <row r="310" spans="2:13">
      <c r="B310" s="3" t="s">
        <v>305</v>
      </c>
      <c r="C310" s="4" t="s">
        <v>310</v>
      </c>
      <c r="D310" s="4" t="s">
        <v>296</v>
      </c>
      <c r="E310" s="4" t="s">
        <v>106</v>
      </c>
      <c r="F310" s="4">
        <v>32</v>
      </c>
      <c r="G310" s="4" t="s">
        <v>300</v>
      </c>
      <c r="H310" s="4" t="s">
        <v>125</v>
      </c>
      <c r="I310" s="4">
        <v>20</v>
      </c>
      <c r="J310" s="4">
        <v>20</v>
      </c>
      <c r="K310" s="4">
        <v>20</v>
      </c>
      <c r="L310" s="4">
        <v>20</v>
      </c>
      <c r="M310" s="4">
        <v>100</v>
      </c>
    </row>
    <row r="311" spans="2:13">
      <c r="B311" s="5" t="s">
        <v>305</v>
      </c>
      <c r="C311" s="5" t="s">
        <v>310</v>
      </c>
      <c r="D311" s="5" t="s">
        <v>296</v>
      </c>
      <c r="E311" s="5" t="s">
        <v>89</v>
      </c>
      <c r="F311" s="5">
        <v>32</v>
      </c>
      <c r="G311" s="5" t="s">
        <v>300</v>
      </c>
      <c r="H311" s="5" t="s">
        <v>125</v>
      </c>
      <c r="I311" s="5">
        <v>20</v>
      </c>
      <c r="J311" s="5">
        <v>20</v>
      </c>
      <c r="K311" s="5">
        <v>20</v>
      </c>
      <c r="L311" s="5">
        <v>20</v>
      </c>
      <c r="M311" s="5">
        <v>100</v>
      </c>
    </row>
    <row r="312" spans="2:13">
      <c r="B312" s="3" t="s">
        <v>305</v>
      </c>
      <c r="C312" s="4" t="s">
        <v>311</v>
      </c>
      <c r="D312" s="4" t="s">
        <v>296</v>
      </c>
      <c r="E312" s="4" t="s">
        <v>106</v>
      </c>
      <c r="F312" s="4">
        <v>32</v>
      </c>
      <c r="G312" s="4" t="s">
        <v>127</v>
      </c>
      <c r="H312" s="4" t="s">
        <v>116</v>
      </c>
      <c r="I312" s="4">
        <v>20</v>
      </c>
      <c r="J312" s="4">
        <v>20</v>
      </c>
      <c r="K312" s="4">
        <v>20</v>
      </c>
      <c r="L312" s="4">
        <v>20</v>
      </c>
      <c r="M312" s="4">
        <v>100</v>
      </c>
    </row>
    <row r="313" spans="2:13">
      <c r="B313" s="5" t="s">
        <v>305</v>
      </c>
      <c r="C313" s="5" t="s">
        <v>311</v>
      </c>
      <c r="D313" s="5" t="s">
        <v>296</v>
      </c>
      <c r="E313" s="5" t="s">
        <v>89</v>
      </c>
      <c r="F313" s="5">
        <v>32</v>
      </c>
      <c r="G313" s="5" t="s">
        <v>127</v>
      </c>
      <c r="H313" s="5" t="s">
        <v>116</v>
      </c>
      <c r="I313" s="5">
        <v>20</v>
      </c>
      <c r="J313" s="5">
        <v>20</v>
      </c>
      <c r="K313" s="5">
        <v>20</v>
      </c>
      <c r="L313" s="5">
        <v>20</v>
      </c>
      <c r="M313" s="5">
        <v>100</v>
      </c>
    </row>
    <row r="314" spans="2:13">
      <c r="B314" s="4" t="s">
        <v>162</v>
      </c>
      <c r="C314" s="4" t="s">
        <v>312</v>
      </c>
      <c r="D314" s="4" t="s">
        <v>76</v>
      </c>
      <c r="E314" s="4" t="s">
        <v>106</v>
      </c>
      <c r="F314" s="4">
        <v>32</v>
      </c>
      <c r="G314" s="4" t="s">
        <v>116</v>
      </c>
      <c r="H314" s="4" t="s">
        <v>167</v>
      </c>
      <c r="I314" s="4">
        <v>16</v>
      </c>
      <c r="J314" s="4">
        <v>10</v>
      </c>
      <c r="K314" s="4">
        <v>6</v>
      </c>
      <c r="L314" s="4">
        <v>6</v>
      </c>
      <c r="M314" s="4">
        <v>48</v>
      </c>
    </row>
    <row r="315" spans="2:13">
      <c r="B315" s="5" t="s">
        <v>162</v>
      </c>
      <c r="C315" s="5" t="s">
        <v>312</v>
      </c>
      <c r="D315" s="5" t="s">
        <v>76</v>
      </c>
      <c r="E315" s="5" t="s">
        <v>89</v>
      </c>
      <c r="F315" s="5">
        <v>32</v>
      </c>
      <c r="G315" s="5" t="s">
        <v>116</v>
      </c>
      <c r="H315" s="5" t="s">
        <v>167</v>
      </c>
      <c r="I315" s="5">
        <v>16</v>
      </c>
      <c r="J315" s="5">
        <v>10</v>
      </c>
      <c r="K315" s="5">
        <v>6</v>
      </c>
      <c r="L315" s="5">
        <v>6</v>
      </c>
      <c r="M315" s="5">
        <v>48</v>
      </c>
    </row>
    <row r="316" spans="2:13">
      <c r="B316" s="4" t="s">
        <v>162</v>
      </c>
      <c r="C316" s="4" t="s">
        <v>313</v>
      </c>
      <c r="D316" s="4" t="s">
        <v>76</v>
      </c>
      <c r="E316" s="4" t="s">
        <v>106</v>
      </c>
      <c r="F316" s="4">
        <v>32</v>
      </c>
      <c r="G316" s="4" t="s">
        <v>107</v>
      </c>
      <c r="H316" s="4" t="s">
        <v>108</v>
      </c>
      <c r="I316" s="4">
        <v>16</v>
      </c>
      <c r="J316" s="4">
        <v>10</v>
      </c>
      <c r="K316" s="4">
        <v>6</v>
      </c>
      <c r="L316" s="4">
        <v>6</v>
      </c>
      <c r="M316" s="4">
        <v>60</v>
      </c>
    </row>
    <row r="317" spans="2:13">
      <c r="B317" s="5" t="s">
        <v>162</v>
      </c>
      <c r="C317" s="5" t="s">
        <v>313</v>
      </c>
      <c r="D317" s="5" t="s">
        <v>76</v>
      </c>
      <c r="E317" s="5" t="s">
        <v>89</v>
      </c>
      <c r="F317" s="5">
        <v>32</v>
      </c>
      <c r="G317" s="5" t="s">
        <v>107</v>
      </c>
      <c r="H317" s="5" t="s">
        <v>108</v>
      </c>
      <c r="I317" s="5">
        <v>16</v>
      </c>
      <c r="J317" s="5">
        <v>10</v>
      </c>
      <c r="K317" s="5">
        <v>6</v>
      </c>
      <c r="L317" s="5">
        <v>6</v>
      </c>
      <c r="M317" s="5">
        <v>60</v>
      </c>
    </row>
    <row r="318" spans="2:13">
      <c r="B318" s="4" t="s">
        <v>162</v>
      </c>
      <c r="C318" s="4" t="s">
        <v>314</v>
      </c>
      <c r="D318" s="4" t="s">
        <v>76</v>
      </c>
      <c r="E318" s="4" t="s">
        <v>106</v>
      </c>
      <c r="F318" s="4">
        <v>32</v>
      </c>
      <c r="G318" s="4" t="s">
        <v>124</v>
      </c>
      <c r="H318" s="4" t="s">
        <v>125</v>
      </c>
      <c r="I318" s="4">
        <v>16</v>
      </c>
      <c r="J318" s="4">
        <v>10</v>
      </c>
      <c r="K318" s="4">
        <v>6</v>
      </c>
      <c r="L318" s="4">
        <v>6</v>
      </c>
      <c r="M318" s="4">
        <v>60</v>
      </c>
    </row>
    <row r="319" spans="2:13">
      <c r="B319" s="5" t="s">
        <v>162</v>
      </c>
      <c r="C319" s="5" t="s">
        <v>314</v>
      </c>
      <c r="D319" s="5" t="s">
        <v>76</v>
      </c>
      <c r="E319" s="5" t="s">
        <v>89</v>
      </c>
      <c r="F319" s="5">
        <v>32</v>
      </c>
      <c r="G319" s="5" t="s">
        <v>124</v>
      </c>
      <c r="H319" s="5" t="s">
        <v>125</v>
      </c>
      <c r="I319" s="5">
        <v>16</v>
      </c>
      <c r="J319" s="5">
        <v>10</v>
      </c>
      <c r="K319" s="5">
        <v>6</v>
      </c>
      <c r="L319" s="5">
        <v>6</v>
      </c>
      <c r="M319" s="5">
        <v>60</v>
      </c>
    </row>
    <row r="320" spans="2:13">
      <c r="B320" s="4" t="s">
        <v>162</v>
      </c>
      <c r="C320" s="4" t="s">
        <v>315</v>
      </c>
      <c r="D320" s="4" t="s">
        <v>76</v>
      </c>
      <c r="E320" s="4" t="s">
        <v>120</v>
      </c>
      <c r="F320" s="4">
        <v>48</v>
      </c>
      <c r="G320" s="4" t="s">
        <v>116</v>
      </c>
      <c r="H320" s="4" t="s">
        <v>167</v>
      </c>
      <c r="I320" s="4">
        <v>22</v>
      </c>
      <c r="J320" s="4">
        <v>12</v>
      </c>
      <c r="K320" s="4">
        <v>10</v>
      </c>
      <c r="L320" s="4">
        <v>10</v>
      </c>
      <c r="M320" s="4">
        <v>48</v>
      </c>
    </row>
    <row r="321" spans="2:13">
      <c r="B321" s="5" t="s">
        <v>162</v>
      </c>
      <c r="C321" s="5" t="s">
        <v>315</v>
      </c>
      <c r="D321" s="5" t="s">
        <v>76</v>
      </c>
      <c r="E321" s="5" t="s">
        <v>121</v>
      </c>
      <c r="F321" s="5">
        <v>48</v>
      </c>
      <c r="G321" s="5" t="s">
        <v>116</v>
      </c>
      <c r="H321" s="5" t="s">
        <v>167</v>
      </c>
      <c r="I321" s="5">
        <v>22</v>
      </c>
      <c r="J321" s="5">
        <v>12</v>
      </c>
      <c r="K321" s="5">
        <v>10</v>
      </c>
      <c r="L321" s="5">
        <v>10</v>
      </c>
      <c r="M321" s="5">
        <v>48</v>
      </c>
    </row>
    <row r="322" spans="2:13">
      <c r="B322" s="3" t="s">
        <v>162</v>
      </c>
      <c r="C322" s="4" t="s">
        <v>316</v>
      </c>
      <c r="D322" s="4" t="s">
        <v>76</v>
      </c>
      <c r="E322" s="4" t="s">
        <v>120</v>
      </c>
      <c r="F322" s="4">
        <v>48</v>
      </c>
      <c r="G322" s="4" t="s">
        <v>107</v>
      </c>
      <c r="H322" s="4" t="s">
        <v>108</v>
      </c>
      <c r="I322" s="4">
        <v>22</v>
      </c>
      <c r="J322" s="4">
        <v>12</v>
      </c>
      <c r="K322" s="4">
        <v>10</v>
      </c>
      <c r="L322" s="4">
        <v>10</v>
      </c>
      <c r="M322" s="4">
        <v>60</v>
      </c>
    </row>
    <row r="323" spans="2:13">
      <c r="B323" s="5" t="s">
        <v>162</v>
      </c>
      <c r="C323" s="5" t="s">
        <v>316</v>
      </c>
      <c r="D323" s="5" t="s">
        <v>76</v>
      </c>
      <c r="E323" s="5" t="s">
        <v>121</v>
      </c>
      <c r="F323" s="5">
        <v>48</v>
      </c>
      <c r="G323" s="5" t="s">
        <v>107</v>
      </c>
      <c r="H323" s="5" t="s">
        <v>108</v>
      </c>
      <c r="I323" s="5">
        <v>22</v>
      </c>
      <c r="J323" s="5">
        <v>12</v>
      </c>
      <c r="K323" s="5">
        <v>10</v>
      </c>
      <c r="L323" s="5">
        <v>10</v>
      </c>
      <c r="M323" s="5">
        <v>60</v>
      </c>
    </row>
    <row r="324" spans="2:13">
      <c r="B324" s="4" t="s">
        <v>162</v>
      </c>
      <c r="C324" s="3" t="s">
        <v>317</v>
      </c>
      <c r="D324" s="3" t="s">
        <v>76</v>
      </c>
      <c r="E324" s="3" t="s">
        <v>120</v>
      </c>
      <c r="F324" s="3">
        <v>48</v>
      </c>
      <c r="G324" s="3" t="s">
        <v>124</v>
      </c>
      <c r="H324" s="3" t="s">
        <v>125</v>
      </c>
      <c r="I324" s="3">
        <v>22</v>
      </c>
      <c r="J324" s="3">
        <v>12</v>
      </c>
      <c r="K324" s="3">
        <v>10</v>
      </c>
      <c r="L324" s="3">
        <v>10</v>
      </c>
      <c r="M324" s="3">
        <v>120</v>
      </c>
    </row>
    <row r="325" spans="2:13">
      <c r="B325" s="5" t="s">
        <v>162</v>
      </c>
      <c r="C325" s="5" t="s">
        <v>317</v>
      </c>
      <c r="D325" s="5" t="s">
        <v>76</v>
      </c>
      <c r="E325" s="5" t="s">
        <v>121</v>
      </c>
      <c r="F325" s="5">
        <v>48</v>
      </c>
      <c r="G325" s="5" t="s">
        <v>124</v>
      </c>
      <c r="H325" s="5" t="s">
        <v>125</v>
      </c>
      <c r="I325" s="5">
        <v>22</v>
      </c>
      <c r="J325" s="5">
        <v>12</v>
      </c>
      <c r="K325" s="5">
        <v>10</v>
      </c>
      <c r="L325" s="5">
        <v>10</v>
      </c>
      <c r="M325" s="5">
        <v>120</v>
      </c>
    </row>
    <row r="326" spans="2:13">
      <c r="B326" s="4" t="s">
        <v>162</v>
      </c>
      <c r="C326" s="4" t="s">
        <v>318</v>
      </c>
      <c r="D326" s="4" t="s">
        <v>76</v>
      </c>
      <c r="E326" s="4" t="s">
        <v>134</v>
      </c>
      <c r="F326" s="4">
        <v>64</v>
      </c>
      <c r="G326" s="4" t="s">
        <v>116</v>
      </c>
      <c r="H326" s="4" t="s">
        <v>167</v>
      </c>
      <c r="I326" s="4">
        <v>32</v>
      </c>
      <c r="J326" s="4">
        <v>16</v>
      </c>
      <c r="K326" s="4">
        <v>16</v>
      </c>
      <c r="L326" s="4">
        <v>16</v>
      </c>
      <c r="M326" s="4">
        <v>48</v>
      </c>
    </row>
    <row r="327" spans="2:13">
      <c r="B327" s="5" t="s">
        <v>162</v>
      </c>
      <c r="C327" s="5" t="s">
        <v>318</v>
      </c>
      <c r="D327" s="5" t="s">
        <v>76</v>
      </c>
      <c r="E327" s="5" t="s">
        <v>135</v>
      </c>
      <c r="F327" s="5">
        <v>64</v>
      </c>
      <c r="G327" s="5" t="s">
        <v>116</v>
      </c>
      <c r="H327" s="5" t="s">
        <v>167</v>
      </c>
      <c r="I327" s="5">
        <v>32</v>
      </c>
      <c r="J327" s="5">
        <v>16</v>
      </c>
      <c r="K327" s="5">
        <v>16</v>
      </c>
      <c r="L327" s="5">
        <v>16</v>
      </c>
      <c r="M327" s="5">
        <v>48</v>
      </c>
    </row>
    <row r="328" spans="2:13">
      <c r="B328" s="4" t="s">
        <v>162</v>
      </c>
      <c r="C328" s="4" t="s">
        <v>319</v>
      </c>
      <c r="D328" s="4" t="s">
        <v>76</v>
      </c>
      <c r="E328" s="4" t="s">
        <v>134</v>
      </c>
      <c r="F328" s="4">
        <v>64</v>
      </c>
      <c r="G328" s="4" t="s">
        <v>107</v>
      </c>
      <c r="H328" s="4" t="s">
        <v>108</v>
      </c>
      <c r="I328" s="4">
        <v>32</v>
      </c>
      <c r="J328" s="4">
        <v>16</v>
      </c>
      <c r="K328" s="4">
        <v>16</v>
      </c>
      <c r="L328" s="4">
        <v>16</v>
      </c>
      <c r="M328" s="4">
        <v>60</v>
      </c>
    </row>
    <row r="329" spans="2:13">
      <c r="B329" s="5" t="s">
        <v>162</v>
      </c>
      <c r="C329" s="5" t="s">
        <v>319</v>
      </c>
      <c r="D329" s="5" t="s">
        <v>76</v>
      </c>
      <c r="E329" s="5" t="s">
        <v>135</v>
      </c>
      <c r="F329" s="5">
        <v>64</v>
      </c>
      <c r="G329" s="5" t="s">
        <v>107</v>
      </c>
      <c r="H329" s="5" t="s">
        <v>108</v>
      </c>
      <c r="I329" s="5">
        <v>32</v>
      </c>
      <c r="J329" s="5">
        <v>16</v>
      </c>
      <c r="K329" s="5">
        <v>16</v>
      </c>
      <c r="L329" s="5">
        <v>16</v>
      </c>
      <c r="M329" s="5">
        <v>60</v>
      </c>
    </row>
    <row r="330" spans="2:13">
      <c r="B330" s="4" t="s">
        <v>162</v>
      </c>
      <c r="C330" s="4" t="s">
        <v>320</v>
      </c>
      <c r="D330" s="4" t="s">
        <v>76</v>
      </c>
      <c r="E330" s="4" t="s">
        <v>134</v>
      </c>
      <c r="F330" s="4">
        <v>64</v>
      </c>
      <c r="G330" s="4" t="s">
        <v>124</v>
      </c>
      <c r="H330" s="4" t="s">
        <v>125</v>
      </c>
      <c r="I330" s="4">
        <v>32</v>
      </c>
      <c r="J330" s="4">
        <v>16</v>
      </c>
      <c r="K330" s="4">
        <v>16</v>
      </c>
      <c r="L330" s="4">
        <v>16</v>
      </c>
      <c r="M330" s="4">
        <v>130</v>
      </c>
    </row>
    <row r="331" spans="2:13">
      <c r="B331" s="5" t="s">
        <v>162</v>
      </c>
      <c r="C331" s="5" t="s">
        <v>320</v>
      </c>
      <c r="D331" s="5" t="s">
        <v>76</v>
      </c>
      <c r="E331" s="5" t="s">
        <v>135</v>
      </c>
      <c r="F331" s="5">
        <v>64</v>
      </c>
      <c r="G331" s="5" t="s">
        <v>124</v>
      </c>
      <c r="H331" s="5" t="s">
        <v>125</v>
      </c>
      <c r="I331" s="5">
        <v>32</v>
      </c>
      <c r="J331" s="5">
        <v>16</v>
      </c>
      <c r="K331" s="5">
        <v>16</v>
      </c>
      <c r="L331" s="5">
        <v>16</v>
      </c>
      <c r="M331" s="5">
        <v>130</v>
      </c>
    </row>
    <row r="332" spans="2:13">
      <c r="B332" s="4" t="s">
        <v>281</v>
      </c>
      <c r="C332" s="7" t="s">
        <v>321</v>
      </c>
      <c r="D332" s="7" t="s">
        <v>76</v>
      </c>
      <c r="E332" s="7" t="s">
        <v>106</v>
      </c>
      <c r="F332" s="7">
        <v>32</v>
      </c>
      <c r="G332" s="7" t="s">
        <v>144</v>
      </c>
      <c r="H332" s="7" t="s">
        <v>108</v>
      </c>
      <c r="I332" s="7">
        <v>11</v>
      </c>
      <c r="J332" s="7">
        <v>7</v>
      </c>
      <c r="K332" s="7">
        <v>4</v>
      </c>
      <c r="L332" s="7">
        <v>4</v>
      </c>
      <c r="M332" s="7">
        <v>28</v>
      </c>
    </row>
    <row r="333" spans="2:13">
      <c r="B333" s="5" t="s">
        <v>281</v>
      </c>
      <c r="C333" s="8" t="s">
        <v>322</v>
      </c>
      <c r="D333" s="8" t="s">
        <v>76</v>
      </c>
      <c r="E333" s="8" t="s">
        <v>106</v>
      </c>
      <c r="F333" s="8">
        <v>32</v>
      </c>
      <c r="G333" s="8" t="s">
        <v>110</v>
      </c>
      <c r="H333" s="8" t="s">
        <v>108</v>
      </c>
      <c r="I333" s="8">
        <v>11</v>
      </c>
      <c r="J333" s="8">
        <v>7</v>
      </c>
      <c r="K333" s="8">
        <v>4</v>
      </c>
      <c r="L333" s="8">
        <v>4</v>
      </c>
      <c r="M333" s="8">
        <v>28</v>
      </c>
    </row>
    <row r="334" spans="2:13">
      <c r="B334" s="4" t="s">
        <v>281</v>
      </c>
      <c r="C334" s="4" t="s">
        <v>323</v>
      </c>
      <c r="D334" s="4" t="s">
        <v>76</v>
      </c>
      <c r="E334" s="4" t="s">
        <v>106</v>
      </c>
      <c r="F334" s="4">
        <v>32</v>
      </c>
      <c r="G334" s="4" t="s">
        <v>127</v>
      </c>
      <c r="H334" s="4" t="s">
        <v>125</v>
      </c>
      <c r="I334" s="4">
        <v>11</v>
      </c>
      <c r="J334" s="4">
        <v>7</v>
      </c>
      <c r="K334" s="4">
        <v>4</v>
      </c>
      <c r="L334" s="4">
        <v>4</v>
      </c>
      <c r="M334" s="4">
        <v>28</v>
      </c>
    </row>
    <row r="335" spans="2:13" hidden="1">
      <c r="B335" s="5" t="s">
        <v>104</v>
      </c>
      <c r="C335" s="5" t="s">
        <v>324</v>
      </c>
      <c r="D335" s="5" t="s">
        <v>76</v>
      </c>
      <c r="E335" s="5" t="s">
        <v>106</v>
      </c>
      <c r="F335" s="5">
        <v>32</v>
      </c>
      <c r="G335" s="5" t="s">
        <v>223</v>
      </c>
      <c r="H335" s="5" t="s">
        <v>116</v>
      </c>
      <c r="I335" s="5">
        <v>16</v>
      </c>
      <c r="J335" s="5">
        <v>10</v>
      </c>
      <c r="K335" s="5">
        <v>6</v>
      </c>
      <c r="L335" s="5">
        <v>6</v>
      </c>
      <c r="M335" s="5">
        <v>60</v>
      </c>
    </row>
    <row r="336" spans="2:13" hidden="1">
      <c r="B336" s="4" t="s">
        <v>104</v>
      </c>
      <c r="C336" s="3" t="s">
        <v>324</v>
      </c>
      <c r="D336" s="3" t="s">
        <v>76</v>
      </c>
      <c r="E336" s="3" t="s">
        <v>89</v>
      </c>
      <c r="F336" s="3">
        <v>32</v>
      </c>
      <c r="G336" s="7" t="s">
        <v>223</v>
      </c>
      <c r="H336" s="7" t="s">
        <v>116</v>
      </c>
      <c r="I336" s="3">
        <v>16</v>
      </c>
      <c r="J336" s="3">
        <v>10</v>
      </c>
      <c r="K336" s="3">
        <v>6</v>
      </c>
      <c r="L336" s="3">
        <v>6</v>
      </c>
      <c r="M336" s="3">
        <v>60</v>
      </c>
    </row>
    <row r="337" spans="2:13" hidden="1">
      <c r="B337" s="5" t="s">
        <v>104</v>
      </c>
      <c r="C337" s="5" t="s">
        <v>325</v>
      </c>
      <c r="D337" s="5" t="s">
        <v>76</v>
      </c>
      <c r="E337" s="5" t="s">
        <v>112</v>
      </c>
      <c r="F337" s="5">
        <v>35</v>
      </c>
      <c r="G337" s="5" t="s">
        <v>223</v>
      </c>
      <c r="H337" s="5" t="s">
        <v>116</v>
      </c>
      <c r="I337" s="5">
        <v>16</v>
      </c>
      <c r="J337" s="5">
        <v>10</v>
      </c>
      <c r="K337" s="5">
        <v>6</v>
      </c>
      <c r="L337" s="5">
        <v>6</v>
      </c>
      <c r="M337" s="5">
        <v>60</v>
      </c>
    </row>
    <row r="338" spans="2:13" hidden="1">
      <c r="B338" s="4" t="s">
        <v>104</v>
      </c>
      <c r="C338" s="3" t="s">
        <v>326</v>
      </c>
      <c r="D338" s="3" t="s">
        <v>76</v>
      </c>
      <c r="E338" s="3" t="s">
        <v>120</v>
      </c>
      <c r="F338" s="3">
        <v>48</v>
      </c>
      <c r="G338" s="7" t="s">
        <v>223</v>
      </c>
      <c r="H338" s="7" t="s">
        <v>116</v>
      </c>
      <c r="I338" s="3">
        <v>22</v>
      </c>
      <c r="J338" s="3">
        <v>12</v>
      </c>
      <c r="K338" s="3">
        <v>10</v>
      </c>
      <c r="L338" s="3">
        <v>10</v>
      </c>
      <c r="M338" s="3">
        <v>120</v>
      </c>
    </row>
    <row r="339" spans="2:13" hidden="1">
      <c r="B339" s="5" t="s">
        <v>104</v>
      </c>
      <c r="C339" s="5" t="s">
        <v>326</v>
      </c>
      <c r="D339" s="5" t="s">
        <v>76</v>
      </c>
      <c r="E339" s="5" t="s">
        <v>121</v>
      </c>
      <c r="F339" s="5">
        <v>48</v>
      </c>
      <c r="G339" s="5" t="s">
        <v>223</v>
      </c>
      <c r="H339" s="5" t="s">
        <v>116</v>
      </c>
      <c r="I339" s="5">
        <v>22</v>
      </c>
      <c r="J339" s="5">
        <v>12</v>
      </c>
      <c r="K339" s="5">
        <v>10</v>
      </c>
      <c r="L339" s="5">
        <v>10</v>
      </c>
      <c r="M339" s="5">
        <v>120</v>
      </c>
    </row>
    <row r="340" spans="2:13" hidden="1">
      <c r="B340" s="4" t="s">
        <v>104</v>
      </c>
      <c r="C340" s="3" t="s">
        <v>327</v>
      </c>
      <c r="D340" s="3" t="s">
        <v>76</v>
      </c>
      <c r="E340" s="3" t="s">
        <v>134</v>
      </c>
      <c r="F340" s="3">
        <v>64</v>
      </c>
      <c r="G340" s="7" t="s">
        <v>223</v>
      </c>
      <c r="H340" s="7" t="s">
        <v>116</v>
      </c>
      <c r="I340" s="3">
        <v>32</v>
      </c>
      <c r="J340" s="3">
        <v>16</v>
      </c>
      <c r="K340" s="3">
        <v>16</v>
      </c>
      <c r="L340" s="3">
        <v>16</v>
      </c>
      <c r="M340" s="3">
        <v>256</v>
      </c>
    </row>
    <row r="341" spans="2:13" hidden="1">
      <c r="B341" s="5" t="s">
        <v>104</v>
      </c>
      <c r="C341" s="5" t="s">
        <v>327</v>
      </c>
      <c r="D341" s="5" t="s">
        <v>76</v>
      </c>
      <c r="E341" s="5" t="s">
        <v>138</v>
      </c>
      <c r="F341" s="5">
        <v>64</v>
      </c>
      <c r="G341" s="5" t="s">
        <v>223</v>
      </c>
      <c r="H341" s="5" t="s">
        <v>116</v>
      </c>
      <c r="I341" s="5">
        <v>32</v>
      </c>
      <c r="J341" s="5">
        <v>16</v>
      </c>
      <c r="K341" s="5">
        <v>16</v>
      </c>
      <c r="L341" s="5">
        <v>16</v>
      </c>
      <c r="M341" s="5">
        <v>256</v>
      </c>
    </row>
    <row r="342" spans="2:13" hidden="1">
      <c r="B342" s="4" t="s">
        <v>104</v>
      </c>
      <c r="C342" s="3" t="s">
        <v>327</v>
      </c>
      <c r="D342" s="3" t="s">
        <v>76</v>
      </c>
      <c r="E342" s="3" t="s">
        <v>135</v>
      </c>
      <c r="F342" s="3">
        <v>64</v>
      </c>
      <c r="G342" s="7" t="s">
        <v>223</v>
      </c>
      <c r="H342" s="7" t="s">
        <v>116</v>
      </c>
      <c r="I342" s="3">
        <v>32</v>
      </c>
      <c r="J342" s="3">
        <v>16</v>
      </c>
      <c r="K342" s="3">
        <v>16</v>
      </c>
      <c r="L342" s="3">
        <v>16</v>
      </c>
      <c r="M342" s="3">
        <v>256</v>
      </c>
    </row>
    <row r="343" spans="2:13">
      <c r="B343" s="5" t="s">
        <v>328</v>
      </c>
      <c r="C343" s="5" t="s">
        <v>329</v>
      </c>
      <c r="D343" s="5" t="s">
        <v>52</v>
      </c>
      <c r="E343" s="5" t="s">
        <v>330</v>
      </c>
      <c r="F343" s="5">
        <v>28</v>
      </c>
      <c r="G343" s="5" t="s">
        <v>331</v>
      </c>
      <c r="H343" s="5" t="s">
        <v>332</v>
      </c>
      <c r="I343" s="5">
        <v>18</v>
      </c>
      <c r="J343" s="5">
        <v>18</v>
      </c>
      <c r="K343" s="5">
        <v>18</v>
      </c>
      <c r="L343" s="5">
        <v>18</v>
      </c>
      <c r="M343" s="5">
        <v>81</v>
      </c>
    </row>
    <row r="344" spans="2:13">
      <c r="B344" s="4" t="s">
        <v>328</v>
      </c>
      <c r="C344" s="4" t="s">
        <v>333</v>
      </c>
      <c r="D344" s="4" t="s">
        <v>52</v>
      </c>
      <c r="E344" s="4" t="s">
        <v>106</v>
      </c>
      <c r="F344" s="4">
        <v>28</v>
      </c>
      <c r="G344" s="4" t="s">
        <v>331</v>
      </c>
      <c r="H344" s="4" t="s">
        <v>332</v>
      </c>
      <c r="I344" s="4">
        <v>22</v>
      </c>
      <c r="J344" s="4">
        <v>22</v>
      </c>
      <c r="K344" s="4">
        <v>22</v>
      </c>
      <c r="L344" s="4">
        <v>22</v>
      </c>
      <c r="M344" s="4">
        <v>121</v>
      </c>
    </row>
    <row r="345" spans="2:13">
      <c r="B345" s="5" t="s">
        <v>328</v>
      </c>
      <c r="C345" s="5" t="s">
        <v>334</v>
      </c>
      <c r="D345" s="5" t="s">
        <v>52</v>
      </c>
      <c r="E345" s="5" t="s">
        <v>120</v>
      </c>
      <c r="F345" s="5">
        <v>28</v>
      </c>
      <c r="G345" s="5" t="s">
        <v>331</v>
      </c>
      <c r="H345" s="5" t="s">
        <v>332</v>
      </c>
      <c r="I345" s="5">
        <v>32</v>
      </c>
      <c r="J345" s="5">
        <v>32</v>
      </c>
      <c r="K345" s="5">
        <v>32</v>
      </c>
      <c r="L345" s="5">
        <v>32</v>
      </c>
      <c r="M345" s="5">
        <v>256</v>
      </c>
    </row>
    <row r="346" spans="2:13">
      <c r="B346" s="4" t="s">
        <v>328</v>
      </c>
      <c r="C346" s="4" t="s">
        <v>335</v>
      </c>
      <c r="D346" s="4" t="s">
        <v>52</v>
      </c>
      <c r="E346" s="4" t="s">
        <v>134</v>
      </c>
      <c r="F346" s="4">
        <v>28</v>
      </c>
      <c r="G346" s="4" t="s">
        <v>331</v>
      </c>
      <c r="H346" s="4" t="s">
        <v>332</v>
      </c>
      <c r="I346" s="4">
        <v>46</v>
      </c>
      <c r="J346" s="4">
        <v>46</v>
      </c>
      <c r="K346" s="4">
        <v>46</v>
      </c>
      <c r="L346" s="4">
        <v>46</v>
      </c>
      <c r="M346" s="4">
        <v>400</v>
      </c>
    </row>
  </sheetData>
  <autoFilter ref="B2:M346" xr:uid="{00000000-0009-0000-0000-000000000000}">
    <filterColumn colId="0">
      <filters>
        <filter val="Atmega"/>
        <filter val="ATtiny"/>
        <filter val="AVRDA"/>
        <filter val="SAMC20"/>
        <filter val="SAMC21"/>
        <filter val="SAMD10"/>
        <filter val="SAMD11"/>
        <filter val="SAMD20"/>
        <filter val="SAMD51"/>
        <filter val="SAMDA1"/>
        <filter val="SAME51"/>
        <filter val="SAME53"/>
        <filter val="SAME54"/>
        <filter val="SAMHA1"/>
        <filter val="SAML10"/>
        <filter val="SAML11"/>
        <filter val="SAML21"/>
        <filter val="SAML22"/>
      </filters>
    </filterColumn>
  </autoFilter>
  <pageMargins left="0.7" right="0.7" top="0.75" bottom="0.75" header="0.3" footer="0.3"/>
  <pageSetup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4401FE-40A4-47A6-B736-474DE53DD4CF}">
  <dimension ref="B1:G55"/>
  <sheetViews>
    <sheetView workbookViewId="0"/>
  </sheetViews>
  <sheetFormatPr defaultRowHeight="15"/>
  <cols>
    <col min="2" max="2" width="33.7109375"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4</v>
      </c>
    </row>
    <row r="9" spans="2:7">
      <c r="B9" s="26" t="s">
        <v>805</v>
      </c>
      <c r="C9" s="15" t="s">
        <v>806</v>
      </c>
      <c r="D9" s="44">
        <v>1.5</v>
      </c>
      <c r="E9" s="15" t="s">
        <v>807</v>
      </c>
      <c r="F9" s="15" t="s">
        <v>808</v>
      </c>
      <c r="G9" s="47">
        <v>1</v>
      </c>
    </row>
    <row r="10" spans="2:7">
      <c r="B10" s="26" t="s">
        <v>811</v>
      </c>
      <c r="C10" s="15" t="s">
        <v>812</v>
      </c>
      <c r="D10" s="44">
        <v>1.5</v>
      </c>
      <c r="E10" s="15" t="s">
        <v>813</v>
      </c>
      <c r="F10" s="15" t="s">
        <v>814</v>
      </c>
      <c r="G10" s="47">
        <v>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1000000000000001</v>
      </c>
      <c r="E13" s="15"/>
      <c r="F13" s="15"/>
      <c r="G13" s="48"/>
    </row>
    <row r="14" spans="2:7">
      <c r="B14" s="26" t="s">
        <v>827</v>
      </c>
      <c r="C14" s="15" t="s">
        <v>828</v>
      </c>
      <c r="D14" s="44">
        <v>1.1000000000000001</v>
      </c>
      <c r="E14" s="15"/>
      <c r="F14" s="15"/>
      <c r="G14" s="48"/>
    </row>
    <row r="15" spans="2:7">
      <c r="B15" s="26" t="s">
        <v>829</v>
      </c>
      <c r="C15" s="15" t="s">
        <v>830</v>
      </c>
      <c r="D15" s="44">
        <v>1</v>
      </c>
      <c r="E15" s="15"/>
      <c r="F15" s="15"/>
      <c r="G15" s="48"/>
    </row>
    <row r="16" spans="2:7">
      <c r="B16" s="26" t="s">
        <v>832</v>
      </c>
      <c r="C16" s="15" t="s">
        <v>833</v>
      </c>
      <c r="D16" s="44">
        <v>1.2</v>
      </c>
      <c r="E16" s="15"/>
      <c r="F16" s="15"/>
      <c r="G16" s="48"/>
    </row>
    <row r="17" spans="2:7">
      <c r="B17" s="26" t="s">
        <v>838</v>
      </c>
      <c r="C17" s="15" t="s">
        <v>839</v>
      </c>
      <c r="D17" s="44">
        <v>1.2</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6" t="s">
        <v>845</v>
      </c>
      <c r="C20" s="15" t="s">
        <v>846</v>
      </c>
      <c r="D20" s="44">
        <v>1.2</v>
      </c>
      <c r="E20" s="15"/>
      <c r="F20" s="15"/>
      <c r="G20" s="48"/>
    </row>
    <row r="21" spans="2:7">
      <c r="B21" s="26" t="s">
        <v>867</v>
      </c>
      <c r="C21" s="15" t="s">
        <v>849</v>
      </c>
      <c r="D21" s="44">
        <v>1</v>
      </c>
      <c r="E21" s="15"/>
      <c r="F21" s="15"/>
      <c r="G21" s="48"/>
    </row>
    <row r="22" spans="2:7">
      <c r="B22" s="26" t="s">
        <v>868</v>
      </c>
      <c r="C22" s="15" t="s">
        <v>851</v>
      </c>
      <c r="D22" s="44">
        <v>1</v>
      </c>
      <c r="E22" s="15"/>
      <c r="F22" s="15"/>
      <c r="G22" s="15"/>
    </row>
    <row r="23" spans="2:7">
      <c r="B23" s="26" t="s">
        <v>869</v>
      </c>
      <c r="C23" s="15" t="s">
        <v>853</v>
      </c>
      <c r="D23" s="44">
        <v>1</v>
      </c>
      <c r="E23" s="15"/>
      <c r="F23" s="15"/>
      <c r="G23" s="15"/>
    </row>
    <row r="24" spans="2:7">
      <c r="B24" s="75"/>
      <c r="C24" s="36"/>
      <c r="D24" s="1"/>
      <c r="E24" s="36"/>
      <c r="F24" s="36"/>
      <c r="G24" s="36"/>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0BC1D3-8FEA-4863-AE78-0028D0FF2844}">
  <dimension ref="B1:G55"/>
  <sheetViews>
    <sheetView workbookViewId="0"/>
  </sheetViews>
  <sheetFormatPr defaultRowHeight="15"/>
  <cols>
    <col min="2" max="2" width="33" bestFit="1"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4</v>
      </c>
      <c r="E5" s="15" t="s">
        <v>785</v>
      </c>
      <c r="F5" s="15" t="s">
        <v>786</v>
      </c>
      <c r="G5" s="46">
        <v>1.4</v>
      </c>
    </row>
    <row r="6" spans="2:7">
      <c r="B6" s="26" t="s">
        <v>778</v>
      </c>
      <c r="C6" s="15" t="s">
        <v>779</v>
      </c>
      <c r="D6" s="44">
        <v>1.4</v>
      </c>
      <c r="E6" s="15" t="s">
        <v>773</v>
      </c>
      <c r="F6" s="15" t="s">
        <v>774</v>
      </c>
      <c r="G6" s="46">
        <v>1</v>
      </c>
    </row>
    <row r="7" spans="2:7">
      <c r="B7" s="26" t="s">
        <v>783</v>
      </c>
      <c r="C7" s="15" t="s">
        <v>784</v>
      </c>
      <c r="D7" s="44">
        <v>1.7</v>
      </c>
      <c r="E7" s="15" t="s">
        <v>780</v>
      </c>
      <c r="F7" s="15" t="s">
        <v>781</v>
      </c>
      <c r="G7" s="46">
        <v>1</v>
      </c>
    </row>
    <row r="8" spans="2:7">
      <c r="B8" s="26" t="s">
        <v>795</v>
      </c>
      <c r="C8" s="15" t="s">
        <v>796</v>
      </c>
      <c r="D8" s="44">
        <v>1.7</v>
      </c>
      <c r="E8" s="15" t="s">
        <v>797</v>
      </c>
      <c r="F8" s="15" t="s">
        <v>798</v>
      </c>
      <c r="G8" s="47">
        <v>1</v>
      </c>
    </row>
    <row r="9" spans="2:7">
      <c r="B9" s="26" t="s">
        <v>805</v>
      </c>
      <c r="C9" s="15" t="s">
        <v>806</v>
      </c>
      <c r="D9" s="44">
        <v>1.5</v>
      </c>
      <c r="E9" s="15" t="s">
        <v>807</v>
      </c>
      <c r="F9" s="15" t="s">
        <v>808</v>
      </c>
      <c r="G9" s="47">
        <v>1</v>
      </c>
    </row>
    <row r="10" spans="2:7">
      <c r="B10" s="26" t="s">
        <v>811</v>
      </c>
      <c r="C10" s="15" t="s">
        <v>812</v>
      </c>
      <c r="D10" s="44">
        <v>1.5</v>
      </c>
      <c r="E10" s="15" t="s">
        <v>813</v>
      </c>
      <c r="F10" s="15" t="s">
        <v>814</v>
      </c>
      <c r="G10" s="47">
        <v>1</v>
      </c>
    </row>
    <row r="11" spans="2:7">
      <c r="B11" s="26" t="s">
        <v>818</v>
      </c>
      <c r="C11" s="15" t="s">
        <v>819</v>
      </c>
      <c r="D11" s="44">
        <v>1.2</v>
      </c>
      <c r="E11" s="15"/>
      <c r="F11" s="15"/>
      <c r="G11" s="48"/>
    </row>
    <row r="12" spans="2:7">
      <c r="B12" s="26" t="s">
        <v>823</v>
      </c>
      <c r="C12" s="15" t="s">
        <v>824</v>
      </c>
      <c r="D12" s="44">
        <v>1.2</v>
      </c>
      <c r="E12" s="15"/>
      <c r="F12" s="15"/>
      <c r="G12" s="48"/>
    </row>
    <row r="13" spans="2:7">
      <c r="B13" s="26" t="s">
        <v>825</v>
      </c>
      <c r="C13" s="15" t="s">
        <v>826</v>
      </c>
      <c r="D13" s="44">
        <v>1</v>
      </c>
      <c r="E13" s="15"/>
      <c r="F13" s="15"/>
      <c r="G13" s="48"/>
    </row>
    <row r="14" spans="2:7">
      <c r="B14" s="26" t="s">
        <v>827</v>
      </c>
      <c r="C14" s="15" t="s">
        <v>828</v>
      </c>
      <c r="D14" s="44">
        <v>1</v>
      </c>
      <c r="E14" s="15"/>
      <c r="F14" s="15"/>
      <c r="G14" s="48"/>
    </row>
    <row r="15" spans="2:7">
      <c r="B15" s="26" t="s">
        <v>829</v>
      </c>
      <c r="C15" s="15" t="s">
        <v>830</v>
      </c>
      <c r="D15" s="44">
        <v>1</v>
      </c>
      <c r="E15" s="15"/>
      <c r="F15" s="15"/>
      <c r="G15" s="48"/>
    </row>
    <row r="16" spans="2:7">
      <c r="B16" s="26" t="s">
        <v>832</v>
      </c>
      <c r="C16" s="15" t="s">
        <v>833</v>
      </c>
      <c r="D16" s="44">
        <v>1</v>
      </c>
      <c r="E16" s="15"/>
      <c r="F16" s="15"/>
      <c r="G16" s="48"/>
    </row>
    <row r="17" spans="2:7">
      <c r="B17" s="26" t="s">
        <v>838</v>
      </c>
      <c r="C17" s="15" t="s">
        <v>839</v>
      </c>
      <c r="D17" s="44">
        <v>1</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6" t="s">
        <v>845</v>
      </c>
      <c r="C20" s="15" t="s">
        <v>846</v>
      </c>
      <c r="D20" s="44">
        <v>1.2</v>
      </c>
      <c r="E20" s="15"/>
      <c r="F20" s="15"/>
      <c r="G20" s="48"/>
    </row>
    <row r="24" spans="2:7">
      <c r="D24" s="37"/>
      <c r="G24" s="38"/>
    </row>
    <row r="25" spans="2:7" ht="75">
      <c r="B25" s="50" t="s">
        <v>870</v>
      </c>
      <c r="C25" s="50"/>
      <c r="D25" s="1"/>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row r="55" spans="4:7">
      <c r="D55" s="37"/>
      <c r="G55" s="38"/>
    </row>
  </sheetData>
  <pageMargins left="0.7" right="0.7" top="0.75" bottom="0.75" header="0.3" footer="0.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26858C-649B-46C5-9D1A-F91724953B6B}">
  <dimension ref="B1:G54"/>
  <sheetViews>
    <sheetView workbookViewId="0"/>
  </sheetViews>
  <sheetFormatPr defaultRowHeight="15"/>
  <cols>
    <col min="2" max="2" width="28" bestFit="1" customWidth="1"/>
    <col min="3" max="3" width="11.7109375" bestFit="1" customWidth="1"/>
    <col min="4" max="4" width="21.28515625" customWidth="1"/>
    <col min="5" max="5" width="29.7109375" customWidth="1"/>
    <col min="6" max="6" width="23.85546875" customWidth="1"/>
    <col min="7" max="7" width="19.140625" customWidth="1"/>
  </cols>
  <sheetData>
    <row r="1" spans="2:7" ht="15.75" thickBot="1">
      <c r="B1" s="36"/>
      <c r="C1" s="36"/>
      <c r="D1" s="37"/>
      <c r="E1" s="36"/>
      <c r="F1" s="36"/>
      <c r="G1" s="38"/>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2</v>
      </c>
      <c r="E5" s="15" t="s">
        <v>785</v>
      </c>
      <c r="F5" s="15" t="s">
        <v>786</v>
      </c>
      <c r="G5" s="46">
        <v>1.4</v>
      </c>
    </row>
    <row r="6" spans="2:7">
      <c r="B6" s="26" t="s">
        <v>778</v>
      </c>
      <c r="C6" s="15" t="s">
        <v>779</v>
      </c>
      <c r="D6" s="44">
        <v>1.2</v>
      </c>
      <c r="E6" s="15" t="s">
        <v>773</v>
      </c>
      <c r="F6" s="15" t="s">
        <v>774</v>
      </c>
      <c r="G6" s="46">
        <v>1</v>
      </c>
    </row>
    <row r="7" spans="2:7">
      <c r="B7" s="26" t="s">
        <v>783</v>
      </c>
      <c r="C7" s="15" t="s">
        <v>784</v>
      </c>
      <c r="D7" s="44">
        <v>1</v>
      </c>
      <c r="E7" s="15" t="s">
        <v>780</v>
      </c>
      <c r="F7" s="15" t="s">
        <v>781</v>
      </c>
      <c r="G7" s="46">
        <v>1</v>
      </c>
    </row>
    <row r="8" spans="2:7">
      <c r="B8" s="26" t="s">
        <v>795</v>
      </c>
      <c r="C8" s="15" t="s">
        <v>796</v>
      </c>
      <c r="D8" s="44">
        <v>1</v>
      </c>
      <c r="E8" s="15" t="s">
        <v>797</v>
      </c>
      <c r="F8" s="15" t="s">
        <v>798</v>
      </c>
      <c r="G8" s="47">
        <v>1</v>
      </c>
    </row>
    <row r="9" spans="2:7">
      <c r="B9" s="26" t="s">
        <v>805</v>
      </c>
      <c r="C9" s="15" t="s">
        <v>806</v>
      </c>
      <c r="D9" s="44">
        <v>1.5</v>
      </c>
      <c r="E9" s="15" t="s">
        <v>807</v>
      </c>
      <c r="F9" s="15" t="s">
        <v>808</v>
      </c>
      <c r="G9" s="47">
        <v>1</v>
      </c>
    </row>
    <row r="10" spans="2:7">
      <c r="B10" s="26" t="s">
        <v>811</v>
      </c>
      <c r="C10" s="15" t="s">
        <v>812</v>
      </c>
      <c r="D10" s="44">
        <v>1.5</v>
      </c>
      <c r="E10" s="15" t="s">
        <v>813</v>
      </c>
      <c r="F10" s="15" t="s">
        <v>814</v>
      </c>
      <c r="G10" s="47">
        <v>1</v>
      </c>
    </row>
    <row r="11" spans="2:7">
      <c r="B11" s="26" t="s">
        <v>818</v>
      </c>
      <c r="C11" s="15" t="s">
        <v>819</v>
      </c>
      <c r="D11" s="44">
        <v>1</v>
      </c>
      <c r="E11" s="15"/>
      <c r="F11" s="15"/>
      <c r="G11" s="48"/>
    </row>
    <row r="12" spans="2:7">
      <c r="B12" s="26" t="s">
        <v>823</v>
      </c>
      <c r="C12" s="15" t="s">
        <v>824</v>
      </c>
      <c r="D12" s="44">
        <v>1</v>
      </c>
      <c r="E12" s="15"/>
      <c r="F12" s="15"/>
      <c r="G12" s="48"/>
    </row>
    <row r="13" spans="2:7">
      <c r="B13" s="26" t="s">
        <v>825</v>
      </c>
      <c r="C13" s="15" t="s">
        <v>826</v>
      </c>
      <c r="D13" s="44">
        <v>1</v>
      </c>
      <c r="E13" s="15"/>
      <c r="F13" s="15"/>
      <c r="G13" s="48"/>
    </row>
    <row r="14" spans="2:7">
      <c r="B14" s="26" t="s">
        <v>827</v>
      </c>
      <c r="C14" s="15" t="s">
        <v>828</v>
      </c>
      <c r="D14" s="44">
        <v>1</v>
      </c>
      <c r="E14" s="15"/>
      <c r="F14" s="15"/>
      <c r="G14" s="48"/>
    </row>
    <row r="15" spans="2:7">
      <c r="B15" s="26" t="s">
        <v>829</v>
      </c>
      <c r="C15" s="15" t="s">
        <v>830</v>
      </c>
      <c r="D15" s="44">
        <v>1</v>
      </c>
      <c r="E15" s="15"/>
      <c r="F15" s="15"/>
      <c r="G15" s="48"/>
    </row>
    <row r="16" spans="2:7">
      <c r="B16" s="26" t="s">
        <v>832</v>
      </c>
      <c r="C16" s="15" t="s">
        <v>833</v>
      </c>
      <c r="D16" s="44">
        <v>1</v>
      </c>
      <c r="E16" s="15"/>
      <c r="F16" s="15"/>
      <c r="G16" s="48"/>
    </row>
    <row r="17" spans="2:7">
      <c r="B17" s="26" t="s">
        <v>838</v>
      </c>
      <c r="C17" s="15" t="s">
        <v>839</v>
      </c>
      <c r="D17" s="44">
        <v>1</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6" t="s">
        <v>845</v>
      </c>
      <c r="C20" s="15" t="s">
        <v>846</v>
      </c>
      <c r="D20" s="44">
        <v>1.1000000000000001</v>
      </c>
      <c r="E20" s="15"/>
      <c r="F20" s="15"/>
      <c r="G20" s="48"/>
    </row>
    <row r="21" spans="2:7">
      <c r="B21" s="23"/>
      <c r="C21" s="23"/>
      <c r="D21" s="49"/>
      <c r="E21" s="15"/>
      <c r="F21" s="15"/>
      <c r="G21" s="48"/>
    </row>
    <row r="22" spans="2:7">
      <c r="D22" s="37"/>
      <c r="G22" s="38"/>
    </row>
    <row r="23" spans="2:7">
      <c r="D23" s="37"/>
      <c r="G23" s="38"/>
    </row>
    <row r="24" spans="2:7" ht="75">
      <c r="B24" s="50" t="s">
        <v>870</v>
      </c>
      <c r="C24" s="50"/>
      <c r="D24" s="1"/>
      <c r="G24" s="38"/>
    </row>
    <row r="25" spans="2:7">
      <c r="D25" s="37"/>
      <c r="G25" s="38"/>
    </row>
    <row r="26" spans="2:7">
      <c r="D26" s="37"/>
      <c r="G26" s="38"/>
    </row>
    <row r="27" spans="2:7">
      <c r="D27" s="37"/>
      <c r="G27" s="38"/>
    </row>
    <row r="28" spans="2:7">
      <c r="D28" s="37"/>
      <c r="G28" s="38"/>
    </row>
    <row r="29" spans="2:7">
      <c r="D29" s="37"/>
      <c r="G29" s="38"/>
    </row>
    <row r="30" spans="2:7">
      <c r="D30" s="37"/>
      <c r="G30" s="38"/>
    </row>
    <row r="31" spans="2:7">
      <c r="D31" s="37"/>
      <c r="G31" s="38"/>
    </row>
    <row r="32" spans="2:7">
      <c r="D32" s="37"/>
      <c r="G32" s="38"/>
    </row>
    <row r="33" spans="4:7">
      <c r="D33" s="37"/>
      <c r="G33" s="38"/>
    </row>
    <row r="34" spans="4:7">
      <c r="D34" s="37"/>
      <c r="G34" s="38"/>
    </row>
    <row r="35" spans="4:7">
      <c r="D35" s="37"/>
      <c r="G35" s="38"/>
    </row>
    <row r="36" spans="4:7">
      <c r="D36" s="37"/>
      <c r="G36" s="38"/>
    </row>
    <row r="37" spans="4:7">
      <c r="D37" s="37"/>
      <c r="G37" s="38"/>
    </row>
    <row r="38" spans="4:7">
      <c r="D38" s="37"/>
      <c r="G38" s="38"/>
    </row>
    <row r="39" spans="4:7">
      <c r="D39" s="37"/>
      <c r="G39" s="38"/>
    </row>
    <row r="40" spans="4:7">
      <c r="D40" s="37"/>
      <c r="G40" s="38"/>
    </row>
    <row r="41" spans="4:7">
      <c r="D41" s="37"/>
      <c r="G41" s="38"/>
    </row>
    <row r="42" spans="4:7">
      <c r="D42" s="37"/>
      <c r="G42" s="38"/>
    </row>
    <row r="43" spans="4:7">
      <c r="D43" s="37"/>
      <c r="G43" s="38"/>
    </row>
    <row r="44" spans="4:7">
      <c r="D44" s="37"/>
      <c r="G44" s="38"/>
    </row>
    <row r="45" spans="4:7">
      <c r="D45" s="37"/>
      <c r="G45" s="38"/>
    </row>
    <row r="46" spans="4:7">
      <c r="D46" s="37"/>
      <c r="G46" s="38"/>
    </row>
    <row r="47" spans="4:7">
      <c r="D47" s="37"/>
      <c r="G47" s="38"/>
    </row>
    <row r="48" spans="4:7">
      <c r="D48" s="37"/>
      <c r="G48" s="38"/>
    </row>
    <row r="49" spans="4:7">
      <c r="D49" s="37"/>
      <c r="G49" s="38"/>
    </row>
    <row r="50" spans="4:7">
      <c r="D50" s="37"/>
      <c r="G50" s="38"/>
    </row>
    <row r="51" spans="4:7">
      <c r="D51" s="37"/>
      <c r="G51" s="38"/>
    </row>
    <row r="52" spans="4:7">
      <c r="D52" s="37"/>
      <c r="G52" s="38"/>
    </row>
    <row r="53" spans="4:7">
      <c r="D53" s="37"/>
      <c r="G53" s="38"/>
    </row>
    <row r="54" spans="4:7">
      <c r="D54" s="37"/>
      <c r="G54" s="38"/>
    </row>
  </sheetData>
  <pageMargins left="0.7" right="0.7" top="0.75" bottom="0.75" header="0.3" footer="0.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E2AE55-0EDE-45A9-BF26-B6026E709E9E}">
  <dimension ref="B1:G23"/>
  <sheetViews>
    <sheetView workbookViewId="0"/>
  </sheetViews>
  <sheetFormatPr defaultRowHeight="15"/>
  <cols>
    <col min="2" max="2" width="29.140625" customWidth="1"/>
    <col min="3" max="3" width="28" customWidth="1"/>
    <col min="4" max="4" width="11.42578125" style="37" customWidth="1"/>
    <col min="5" max="5" width="27.7109375" bestFit="1" customWidth="1"/>
    <col min="6" max="6" width="27.7109375" customWidth="1"/>
    <col min="7" max="7" width="11.140625" style="38" customWidth="1"/>
  </cols>
  <sheetData>
    <row r="1" spans="2:7" ht="15.75" thickBot="1">
      <c r="B1" s="36"/>
      <c r="C1" s="36"/>
      <c r="E1" s="36"/>
      <c r="F1" s="36"/>
    </row>
    <row r="2" spans="2:7" ht="38.25" thickBot="1">
      <c r="B2" s="39" t="s">
        <v>749</v>
      </c>
      <c r="C2" s="40" t="s">
        <v>750</v>
      </c>
      <c r="D2" s="41" t="s">
        <v>862</v>
      </c>
      <c r="E2" s="40" t="s">
        <v>754</v>
      </c>
      <c r="F2" s="40" t="s">
        <v>750</v>
      </c>
      <c r="G2" s="41" t="s">
        <v>862</v>
      </c>
    </row>
    <row r="3" spans="2:7">
      <c r="B3" s="42" t="s">
        <v>755</v>
      </c>
      <c r="C3" s="43" t="s">
        <v>756</v>
      </c>
      <c r="D3" s="44">
        <v>1.3</v>
      </c>
      <c r="E3" s="43" t="s">
        <v>758</v>
      </c>
      <c r="F3" s="43" t="s">
        <v>759</v>
      </c>
      <c r="G3" s="45">
        <v>1.3</v>
      </c>
    </row>
    <row r="4" spans="2:7">
      <c r="B4" s="26" t="s">
        <v>766</v>
      </c>
      <c r="C4" s="15" t="s">
        <v>767</v>
      </c>
      <c r="D4" s="44">
        <v>1.3</v>
      </c>
      <c r="E4" s="15" t="s">
        <v>768</v>
      </c>
      <c r="F4" s="15" t="s">
        <v>769</v>
      </c>
      <c r="G4" s="46">
        <v>1.1000000000000001</v>
      </c>
    </row>
    <row r="5" spans="2:7">
      <c r="B5" s="26" t="s">
        <v>771</v>
      </c>
      <c r="C5" s="15" t="s">
        <v>772</v>
      </c>
      <c r="D5" s="44">
        <v>1.2</v>
      </c>
      <c r="E5" s="15" t="s">
        <v>785</v>
      </c>
      <c r="F5" s="15" t="s">
        <v>786</v>
      </c>
      <c r="G5" s="46">
        <v>1.4</v>
      </c>
    </row>
    <row r="6" spans="2:7">
      <c r="B6" s="26" t="s">
        <v>778</v>
      </c>
      <c r="C6" s="15" t="s">
        <v>779</v>
      </c>
      <c r="D6" s="44">
        <v>1.2</v>
      </c>
      <c r="E6" s="15" t="s">
        <v>773</v>
      </c>
      <c r="F6" s="15" t="s">
        <v>774</v>
      </c>
      <c r="G6" s="46">
        <v>1</v>
      </c>
    </row>
    <row r="7" spans="2:7">
      <c r="B7" s="26" t="s">
        <v>783</v>
      </c>
      <c r="C7" s="15" t="s">
        <v>784</v>
      </c>
      <c r="D7" s="44">
        <v>1</v>
      </c>
      <c r="E7" s="15" t="s">
        <v>780</v>
      </c>
      <c r="F7" s="15" t="s">
        <v>781</v>
      </c>
      <c r="G7" s="46">
        <v>1</v>
      </c>
    </row>
    <row r="8" spans="2:7">
      <c r="B8" s="26" t="s">
        <v>795</v>
      </c>
      <c r="C8" s="15" t="s">
        <v>796</v>
      </c>
      <c r="D8" s="44">
        <v>1</v>
      </c>
      <c r="E8" s="15" t="s">
        <v>797</v>
      </c>
      <c r="F8" s="15" t="s">
        <v>798</v>
      </c>
      <c r="G8" s="47">
        <v>1</v>
      </c>
    </row>
    <row r="9" spans="2:7">
      <c r="B9" s="26" t="s">
        <v>805</v>
      </c>
      <c r="C9" s="15" t="s">
        <v>806</v>
      </c>
      <c r="D9" s="44">
        <v>1.5</v>
      </c>
      <c r="E9" s="15" t="s">
        <v>807</v>
      </c>
      <c r="F9" s="15" t="s">
        <v>808</v>
      </c>
      <c r="G9" s="47">
        <v>1</v>
      </c>
    </row>
    <row r="10" spans="2:7">
      <c r="B10" s="26" t="s">
        <v>811</v>
      </c>
      <c r="C10" s="15" t="s">
        <v>812</v>
      </c>
      <c r="D10" s="44">
        <v>1.5</v>
      </c>
      <c r="E10" s="15" t="s">
        <v>813</v>
      </c>
      <c r="F10" s="15" t="s">
        <v>814</v>
      </c>
      <c r="G10" s="47">
        <v>1</v>
      </c>
    </row>
    <row r="11" spans="2:7">
      <c r="B11" s="26" t="s">
        <v>818</v>
      </c>
      <c r="C11" s="15" t="s">
        <v>819</v>
      </c>
      <c r="D11" s="44">
        <v>1</v>
      </c>
      <c r="E11" s="15"/>
      <c r="F11" s="15"/>
      <c r="G11" s="48"/>
    </row>
    <row r="12" spans="2:7">
      <c r="B12" s="26" t="s">
        <v>823</v>
      </c>
      <c r="C12" s="15" t="s">
        <v>824</v>
      </c>
      <c r="D12" s="44">
        <v>1</v>
      </c>
      <c r="E12" s="15"/>
      <c r="F12" s="15"/>
      <c r="G12" s="48"/>
    </row>
    <row r="13" spans="2:7">
      <c r="B13" s="26" t="s">
        <v>825</v>
      </c>
      <c r="C13" s="15" t="s">
        <v>826</v>
      </c>
      <c r="D13" s="44">
        <v>1</v>
      </c>
      <c r="E13" s="15"/>
      <c r="F13" s="15"/>
      <c r="G13" s="48"/>
    </row>
    <row r="14" spans="2:7">
      <c r="B14" s="26" t="s">
        <v>827</v>
      </c>
      <c r="C14" s="15" t="s">
        <v>828</v>
      </c>
      <c r="D14" s="44">
        <v>1</v>
      </c>
      <c r="E14" s="15"/>
      <c r="F14" s="15"/>
      <c r="G14" s="48"/>
    </row>
    <row r="15" spans="2:7">
      <c r="B15" s="26" t="s">
        <v>829</v>
      </c>
      <c r="C15" s="15" t="s">
        <v>830</v>
      </c>
      <c r="D15" s="44">
        <v>1</v>
      </c>
      <c r="E15" s="15"/>
      <c r="F15" s="15"/>
      <c r="G15" s="48"/>
    </row>
    <row r="16" spans="2:7">
      <c r="B16" s="26" t="s">
        <v>832</v>
      </c>
      <c r="C16" s="15" t="s">
        <v>833</v>
      </c>
      <c r="D16" s="44">
        <v>1</v>
      </c>
      <c r="E16" s="15"/>
      <c r="F16" s="15"/>
      <c r="G16" s="48"/>
    </row>
    <row r="17" spans="2:7">
      <c r="B17" s="26" t="s">
        <v>838</v>
      </c>
      <c r="C17" s="15" t="s">
        <v>839</v>
      </c>
      <c r="D17" s="44">
        <v>1</v>
      </c>
      <c r="E17" s="15"/>
      <c r="F17" s="15"/>
      <c r="G17" s="48"/>
    </row>
    <row r="18" spans="2:7">
      <c r="B18" s="26" t="s">
        <v>841</v>
      </c>
      <c r="C18" s="15" t="s">
        <v>842</v>
      </c>
      <c r="D18" s="44">
        <v>1</v>
      </c>
      <c r="E18" s="15"/>
      <c r="F18" s="15"/>
      <c r="G18" s="48"/>
    </row>
    <row r="19" spans="2:7">
      <c r="B19" s="26" t="s">
        <v>843</v>
      </c>
      <c r="C19" s="15" t="s">
        <v>844</v>
      </c>
      <c r="D19" s="44">
        <v>1</v>
      </c>
      <c r="E19" s="15"/>
      <c r="F19" s="15"/>
      <c r="G19" s="48"/>
    </row>
    <row r="20" spans="2:7">
      <c r="B20" s="23"/>
      <c r="C20" s="23"/>
      <c r="D20" s="49"/>
      <c r="E20" s="15"/>
      <c r="F20" s="15"/>
      <c r="G20" s="48"/>
    </row>
    <row r="23" spans="2:7" ht="78" customHeight="1">
      <c r="B23" s="50" t="s">
        <v>870</v>
      </c>
      <c r="C23" s="50"/>
      <c r="D23" s="1"/>
    </row>
  </sheetData>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C70DED-2F4D-4B61-B179-8975FACA9C45}">
  <dimension ref="A1"/>
  <sheetViews>
    <sheetView workbookViewId="0"/>
  </sheetViews>
  <sheetFormatPr defaultRowHeight="15"/>
  <sheetData/>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17FA7BB-DBC1-47BB-BC6A-F10BE75DBD6B}">
  <dimension ref="A2:JW12"/>
  <sheetViews>
    <sheetView zoomScaleNormal="100" workbookViewId="0">
      <selection activeCell="E3" sqref="E3"/>
    </sheetView>
  </sheetViews>
  <sheetFormatPr defaultRowHeight="15"/>
  <cols>
    <col min="1" max="1" width="31.28515625" bestFit="1" customWidth="1"/>
    <col min="2" max="2" width="25.28515625" customWidth="1"/>
    <col min="3" max="3" width="20.7109375" customWidth="1"/>
    <col min="4" max="4" width="24.7109375" customWidth="1"/>
    <col min="5" max="5" width="20.42578125" customWidth="1"/>
    <col min="6" max="6" width="19.85546875" customWidth="1"/>
    <col min="7" max="7" width="10.5703125" bestFit="1" customWidth="1"/>
    <col min="8" max="8" width="24.7109375" bestFit="1" customWidth="1"/>
    <col min="9" max="9" width="17.140625" bestFit="1" customWidth="1"/>
    <col min="10" max="10" width="17.140625" customWidth="1"/>
    <col min="11" max="11" width="10.28515625" customWidth="1"/>
    <col min="12" max="12" width="11" customWidth="1"/>
  </cols>
  <sheetData>
    <row r="2" spans="1:283" ht="60">
      <c r="A2" s="9" t="s">
        <v>336</v>
      </c>
      <c r="B2" s="10" t="s">
        <v>337</v>
      </c>
      <c r="C2" s="11" t="s">
        <v>338</v>
      </c>
      <c r="D2" s="11" t="s">
        <v>339</v>
      </c>
      <c r="E2" s="11" t="s">
        <v>340</v>
      </c>
      <c r="F2" s="11" t="s">
        <v>341</v>
      </c>
      <c r="G2" s="11" t="s">
        <v>342</v>
      </c>
      <c r="H2" s="11" t="s">
        <v>343</v>
      </c>
      <c r="I2" s="11" t="s">
        <v>344</v>
      </c>
      <c r="J2" s="11" t="s">
        <v>345</v>
      </c>
      <c r="K2" s="11" t="s">
        <v>346</v>
      </c>
      <c r="L2" s="12" t="s">
        <v>347</v>
      </c>
    </row>
    <row r="3" spans="1:283">
      <c r="A3" s="14" t="s">
        <v>348</v>
      </c>
      <c r="B3" s="15">
        <v>53</v>
      </c>
      <c r="C3" s="15">
        <v>32</v>
      </c>
      <c r="D3" s="15">
        <v>100</v>
      </c>
      <c r="E3" s="15">
        <v>51</v>
      </c>
      <c r="F3" s="15">
        <v>32</v>
      </c>
      <c r="G3" s="15" t="s">
        <v>349</v>
      </c>
      <c r="H3" s="15" t="s">
        <v>350</v>
      </c>
      <c r="I3" s="15" t="s">
        <v>351</v>
      </c>
      <c r="J3" s="15">
        <v>0.2</v>
      </c>
      <c r="K3" s="15">
        <v>1.5</v>
      </c>
      <c r="L3" s="16" t="s">
        <v>349</v>
      </c>
    </row>
    <row r="4" spans="1:283" s="13" customFormat="1">
      <c r="A4" s="17" t="s">
        <v>352</v>
      </c>
      <c r="B4" s="18">
        <v>32</v>
      </c>
      <c r="C4" s="18">
        <v>32</v>
      </c>
      <c r="D4" s="18">
        <v>100</v>
      </c>
      <c r="E4" s="18">
        <v>32</v>
      </c>
      <c r="F4" s="18">
        <v>32</v>
      </c>
      <c r="G4" s="18" t="s">
        <v>353</v>
      </c>
      <c r="H4" s="18" t="s">
        <v>350</v>
      </c>
      <c r="I4" s="18" t="s">
        <v>351</v>
      </c>
      <c r="J4" s="18">
        <v>0.2</v>
      </c>
      <c r="K4" s="18">
        <v>1</v>
      </c>
      <c r="L4" s="19" t="s">
        <v>349</v>
      </c>
      <c r="M4"/>
      <c r="N4"/>
      <c r="O4"/>
      <c r="P4"/>
      <c r="Q4"/>
      <c r="R4"/>
      <c r="S4"/>
      <c r="T4"/>
      <c r="U4"/>
      <c r="V4"/>
      <c r="W4"/>
      <c r="X4"/>
      <c r="Y4"/>
      <c r="Z4"/>
      <c r="AA4"/>
      <c r="AB4"/>
      <c r="AC4"/>
      <c r="AD4"/>
      <c r="AE4"/>
      <c r="AF4"/>
      <c r="AG4"/>
      <c r="AH4"/>
      <c r="AI4"/>
      <c r="AJ4"/>
      <c r="AK4"/>
      <c r="AL4"/>
      <c r="AM4"/>
      <c r="AN4"/>
      <c r="AO4"/>
      <c r="AP4"/>
      <c r="AQ4"/>
      <c r="AR4"/>
      <c r="AS4"/>
      <c r="AT4"/>
      <c r="AU4"/>
      <c r="AV4"/>
      <c r="AW4"/>
      <c r="AX4"/>
      <c r="AY4"/>
      <c r="AZ4"/>
      <c r="BA4"/>
      <c r="BB4"/>
      <c r="BC4"/>
      <c r="BD4"/>
      <c r="BE4"/>
      <c r="BF4"/>
      <c r="BG4"/>
      <c r="BH4"/>
      <c r="BI4"/>
      <c r="BJ4"/>
      <c r="BK4"/>
      <c r="BL4"/>
      <c r="BM4"/>
      <c r="BN4"/>
      <c r="BO4"/>
      <c r="BP4"/>
      <c r="BQ4"/>
      <c r="BR4"/>
      <c r="BS4"/>
      <c r="BT4"/>
      <c r="BU4"/>
      <c r="BV4"/>
      <c r="BW4"/>
      <c r="BX4"/>
      <c r="BY4"/>
      <c r="BZ4"/>
      <c r="CA4"/>
      <c r="CB4"/>
      <c r="CC4"/>
      <c r="CD4"/>
      <c r="CE4"/>
      <c r="CF4"/>
      <c r="CG4"/>
      <c r="CH4"/>
      <c r="CI4"/>
      <c r="CJ4"/>
      <c r="CK4"/>
      <c r="CL4"/>
      <c r="CM4"/>
      <c r="CN4"/>
      <c r="CO4"/>
      <c r="CP4"/>
      <c r="CQ4"/>
      <c r="CR4"/>
      <c r="CS4"/>
      <c r="CT4"/>
      <c r="CU4"/>
      <c r="CV4"/>
      <c r="CW4"/>
      <c r="CX4"/>
      <c r="CY4"/>
      <c r="CZ4"/>
      <c r="DA4"/>
      <c r="DB4"/>
      <c r="DC4"/>
      <c r="DD4"/>
      <c r="DE4"/>
      <c r="DF4"/>
      <c r="DG4"/>
      <c r="DH4"/>
      <c r="DI4"/>
      <c r="DJ4"/>
      <c r="DK4"/>
      <c r="DL4"/>
      <c r="DM4"/>
      <c r="DN4"/>
      <c r="DO4"/>
      <c r="DP4"/>
      <c r="DQ4"/>
      <c r="DR4"/>
      <c r="DS4"/>
      <c r="DT4"/>
      <c r="DU4"/>
      <c r="DV4"/>
      <c r="DW4"/>
      <c r="DX4"/>
      <c r="DY4"/>
      <c r="DZ4"/>
      <c r="EA4"/>
      <c r="EB4"/>
      <c r="EC4"/>
      <c r="ED4"/>
      <c r="EE4"/>
      <c r="EF4"/>
      <c r="EG4"/>
      <c r="EH4"/>
      <c r="EI4"/>
      <c r="EJ4"/>
      <c r="EK4"/>
      <c r="EL4"/>
      <c r="EM4"/>
      <c r="EN4"/>
      <c r="EO4"/>
      <c r="EP4"/>
      <c r="EQ4"/>
      <c r="ER4"/>
      <c r="ES4"/>
      <c r="ET4"/>
      <c r="EU4"/>
      <c r="EV4"/>
      <c r="EW4"/>
      <c r="EX4"/>
      <c r="EY4"/>
      <c r="EZ4"/>
      <c r="FA4"/>
      <c r="FB4"/>
      <c r="FC4"/>
      <c r="FD4"/>
      <c r="FE4"/>
      <c r="FF4"/>
      <c r="FG4"/>
      <c r="FH4"/>
      <c r="FI4"/>
      <c r="FJ4"/>
      <c r="FK4"/>
      <c r="FL4"/>
      <c r="FM4"/>
      <c r="FN4"/>
      <c r="FO4"/>
      <c r="FP4"/>
      <c r="FQ4"/>
      <c r="FR4"/>
      <c r="FS4"/>
      <c r="FT4"/>
      <c r="FU4"/>
      <c r="FV4"/>
      <c r="FW4"/>
      <c r="FX4"/>
      <c r="FY4"/>
      <c r="FZ4"/>
      <c r="GA4"/>
      <c r="GB4"/>
      <c r="GC4"/>
      <c r="GD4"/>
      <c r="GE4"/>
      <c r="GF4"/>
      <c r="GG4"/>
      <c r="GH4"/>
      <c r="GI4"/>
      <c r="GJ4"/>
      <c r="GK4"/>
      <c r="GL4"/>
      <c r="GM4"/>
      <c r="GN4"/>
      <c r="GO4"/>
      <c r="GP4"/>
      <c r="GQ4"/>
      <c r="GR4"/>
      <c r="GS4"/>
      <c r="GT4"/>
      <c r="GU4"/>
      <c r="GV4"/>
      <c r="GW4"/>
      <c r="GX4"/>
      <c r="GY4"/>
      <c r="GZ4"/>
      <c r="HA4"/>
      <c r="HB4"/>
      <c r="HC4"/>
      <c r="HD4"/>
      <c r="HE4"/>
      <c r="HF4"/>
      <c r="HG4"/>
      <c r="HH4"/>
      <c r="HI4"/>
      <c r="HJ4"/>
      <c r="HK4"/>
      <c r="HL4"/>
      <c r="HM4"/>
      <c r="HN4"/>
      <c r="HO4"/>
      <c r="HP4"/>
      <c r="HQ4"/>
      <c r="HR4"/>
      <c r="HS4"/>
      <c r="HT4"/>
      <c r="HU4"/>
      <c r="HV4"/>
      <c r="HW4"/>
      <c r="HX4"/>
      <c r="HY4"/>
      <c r="HZ4"/>
      <c r="IA4"/>
      <c r="IB4"/>
      <c r="IC4"/>
      <c r="ID4"/>
      <c r="IE4"/>
      <c r="IF4"/>
      <c r="IG4"/>
      <c r="IH4"/>
      <c r="II4"/>
      <c r="IJ4"/>
      <c r="IK4"/>
      <c r="IL4"/>
      <c r="IM4"/>
      <c r="IN4"/>
      <c r="IO4"/>
      <c r="IP4"/>
      <c r="IQ4"/>
      <c r="IR4"/>
      <c r="IS4"/>
      <c r="IT4"/>
      <c r="IU4"/>
      <c r="IV4"/>
      <c r="IW4"/>
      <c r="IX4"/>
      <c r="IY4"/>
      <c r="IZ4"/>
      <c r="JA4"/>
      <c r="JB4"/>
      <c r="JC4"/>
      <c r="JD4"/>
      <c r="JE4"/>
      <c r="JF4"/>
      <c r="JG4"/>
      <c r="JH4"/>
      <c r="JI4"/>
      <c r="JJ4"/>
      <c r="JK4"/>
      <c r="JL4"/>
      <c r="JM4"/>
      <c r="JN4"/>
      <c r="JO4"/>
      <c r="JP4"/>
      <c r="JQ4"/>
      <c r="JR4"/>
      <c r="JS4"/>
      <c r="JT4"/>
      <c r="JU4"/>
      <c r="JV4"/>
      <c r="JW4"/>
    </row>
    <row r="5" spans="1:283">
      <c r="A5" s="14" t="s">
        <v>354</v>
      </c>
      <c r="B5" s="15">
        <v>32</v>
      </c>
      <c r="C5" s="15">
        <v>32</v>
      </c>
      <c r="D5" s="15">
        <v>100</v>
      </c>
      <c r="E5" s="15">
        <v>63</v>
      </c>
      <c r="F5" s="15">
        <v>32</v>
      </c>
      <c r="G5" s="15" t="s">
        <v>349</v>
      </c>
      <c r="H5" s="15" t="s">
        <v>350</v>
      </c>
      <c r="I5" s="15" t="s">
        <v>351</v>
      </c>
      <c r="J5" s="15">
        <v>0.5</v>
      </c>
      <c r="K5" s="15">
        <v>2</v>
      </c>
      <c r="L5" s="16" t="s">
        <v>349</v>
      </c>
    </row>
    <row r="6" spans="1:283" s="13" customFormat="1">
      <c r="A6" s="17" t="s">
        <v>355</v>
      </c>
      <c r="B6" s="18">
        <v>32</v>
      </c>
      <c r="C6" s="18">
        <v>32</v>
      </c>
      <c r="D6" s="18">
        <v>100</v>
      </c>
      <c r="E6" s="18">
        <v>32</v>
      </c>
      <c r="F6" s="18">
        <v>32</v>
      </c>
      <c r="G6" s="18" t="s">
        <v>353</v>
      </c>
      <c r="H6" s="18" t="s">
        <v>356</v>
      </c>
      <c r="I6" s="18" t="s">
        <v>351</v>
      </c>
      <c r="J6" s="18">
        <v>0.1</v>
      </c>
      <c r="K6" s="18">
        <v>1</v>
      </c>
      <c r="L6" s="19" t="s">
        <v>353</v>
      </c>
      <c r="M6"/>
      <c r="N6"/>
      <c r="O6"/>
      <c r="P6"/>
      <c r="Q6"/>
      <c r="R6"/>
      <c r="S6"/>
      <c r="T6"/>
      <c r="U6"/>
      <c r="V6"/>
      <c r="W6"/>
      <c r="X6"/>
      <c r="Y6"/>
      <c r="Z6"/>
      <c r="AA6"/>
      <c r="AB6"/>
      <c r="AC6"/>
      <c r="AD6"/>
      <c r="AE6"/>
      <c r="AF6"/>
      <c r="AG6"/>
      <c r="AH6"/>
      <c r="AI6"/>
      <c r="AJ6"/>
      <c r="AK6"/>
      <c r="AL6"/>
      <c r="AM6"/>
      <c r="AN6"/>
      <c r="AO6"/>
      <c r="AP6"/>
      <c r="AQ6"/>
      <c r="AR6"/>
      <c r="AS6"/>
      <c r="AT6"/>
      <c r="AU6"/>
      <c r="AV6"/>
      <c r="AW6"/>
      <c r="AX6"/>
      <c r="AY6"/>
      <c r="AZ6"/>
      <c r="BA6"/>
      <c r="BB6"/>
      <c r="BC6"/>
      <c r="BD6"/>
      <c r="BE6"/>
      <c r="BF6"/>
      <c r="BG6"/>
      <c r="BH6"/>
      <c r="BI6"/>
      <c r="BJ6"/>
      <c r="BK6"/>
      <c r="BL6"/>
      <c r="BM6"/>
      <c r="BN6"/>
      <c r="BO6"/>
      <c r="BP6"/>
      <c r="BQ6"/>
      <c r="BR6"/>
      <c r="BS6"/>
      <c r="BT6"/>
      <c r="BU6"/>
      <c r="BV6"/>
      <c r="BW6"/>
      <c r="BX6"/>
      <c r="BY6"/>
      <c r="BZ6"/>
      <c r="CA6"/>
      <c r="CB6"/>
      <c r="CC6"/>
      <c r="CD6"/>
      <c r="CE6"/>
      <c r="CF6"/>
      <c r="CG6"/>
      <c r="CH6"/>
      <c r="CI6"/>
      <c r="CJ6"/>
      <c r="CK6"/>
      <c r="CL6"/>
      <c r="CM6"/>
      <c r="CN6"/>
      <c r="CO6"/>
      <c r="CP6"/>
      <c r="CQ6"/>
      <c r="CR6"/>
      <c r="CS6"/>
      <c r="CT6"/>
      <c r="CU6"/>
      <c r="CV6"/>
      <c r="CW6"/>
      <c r="CX6"/>
      <c r="CY6"/>
      <c r="CZ6"/>
      <c r="DA6"/>
      <c r="DB6"/>
      <c r="DC6"/>
      <c r="DD6"/>
      <c r="DE6"/>
      <c r="DF6"/>
      <c r="DG6"/>
      <c r="DH6"/>
      <c r="DI6"/>
      <c r="DJ6"/>
      <c r="DK6"/>
      <c r="DL6"/>
      <c r="DM6"/>
      <c r="DN6"/>
      <c r="DO6"/>
      <c r="DP6"/>
      <c r="DQ6"/>
      <c r="DR6"/>
      <c r="DS6"/>
      <c r="DT6"/>
      <c r="DU6"/>
      <c r="DV6"/>
      <c r="DW6"/>
      <c r="DX6"/>
      <c r="DY6"/>
      <c r="DZ6"/>
      <c r="EA6"/>
      <c r="EB6"/>
      <c r="EC6"/>
      <c r="ED6"/>
      <c r="EE6"/>
      <c r="EF6"/>
      <c r="EG6"/>
      <c r="EH6"/>
      <c r="EI6"/>
      <c r="EJ6"/>
      <c r="EK6"/>
      <c r="EL6"/>
      <c r="EM6"/>
      <c r="EN6"/>
      <c r="EO6"/>
      <c r="EP6"/>
      <c r="EQ6"/>
      <c r="ER6"/>
      <c r="ES6"/>
      <c r="ET6"/>
      <c r="EU6"/>
      <c r="EV6"/>
      <c r="EW6"/>
      <c r="EX6"/>
      <c r="EY6"/>
      <c r="EZ6"/>
      <c r="FA6"/>
      <c r="FB6"/>
      <c r="FC6"/>
      <c r="FD6"/>
      <c r="FE6"/>
      <c r="FF6"/>
      <c r="FG6"/>
      <c r="FH6"/>
      <c r="FI6"/>
      <c r="FJ6"/>
      <c r="FK6"/>
      <c r="FL6"/>
      <c r="FM6"/>
      <c r="FN6"/>
      <c r="FO6"/>
      <c r="FP6"/>
      <c r="FQ6"/>
      <c r="FR6"/>
      <c r="FS6"/>
      <c r="FT6"/>
      <c r="FU6"/>
      <c r="FV6"/>
      <c r="FW6"/>
      <c r="FX6"/>
      <c r="FY6"/>
      <c r="FZ6"/>
      <c r="GA6"/>
      <c r="GB6"/>
      <c r="GC6"/>
      <c r="GD6"/>
      <c r="GE6"/>
      <c r="GF6"/>
      <c r="GG6"/>
      <c r="GH6"/>
      <c r="GI6"/>
      <c r="GJ6"/>
      <c r="GK6"/>
      <c r="GL6"/>
      <c r="GM6"/>
      <c r="GN6"/>
      <c r="GO6"/>
      <c r="GP6"/>
      <c r="GQ6"/>
      <c r="GR6"/>
      <c r="GS6"/>
      <c r="GT6"/>
      <c r="GU6"/>
      <c r="GV6"/>
      <c r="GW6"/>
      <c r="GX6"/>
      <c r="GY6"/>
      <c r="GZ6"/>
      <c r="HA6"/>
      <c r="HB6"/>
      <c r="HC6"/>
      <c r="HD6"/>
      <c r="HE6"/>
      <c r="HF6"/>
      <c r="HG6"/>
      <c r="HH6"/>
      <c r="HI6"/>
      <c r="HJ6"/>
      <c r="HK6"/>
      <c r="HL6"/>
      <c r="HM6"/>
      <c r="HN6"/>
      <c r="HO6"/>
      <c r="HP6"/>
      <c r="HQ6"/>
      <c r="HR6"/>
      <c r="HS6"/>
      <c r="HT6"/>
      <c r="HU6"/>
      <c r="HV6"/>
      <c r="HW6"/>
      <c r="HX6"/>
      <c r="HY6"/>
      <c r="HZ6"/>
      <c r="IA6"/>
      <c r="IB6"/>
      <c r="IC6"/>
      <c r="ID6"/>
      <c r="IE6"/>
      <c r="IF6"/>
      <c r="IG6"/>
      <c r="IH6"/>
      <c r="II6"/>
      <c r="IJ6"/>
      <c r="IK6"/>
      <c r="IL6"/>
      <c r="IM6"/>
      <c r="IN6"/>
      <c r="IO6"/>
      <c r="IP6"/>
      <c r="IQ6"/>
      <c r="IR6"/>
      <c r="IS6"/>
      <c r="IT6"/>
      <c r="IU6"/>
      <c r="IV6"/>
      <c r="IW6"/>
      <c r="IX6"/>
      <c r="IY6"/>
      <c r="IZ6"/>
      <c r="JA6"/>
      <c r="JB6"/>
      <c r="JC6"/>
      <c r="JD6"/>
      <c r="JE6"/>
      <c r="JF6"/>
      <c r="JG6"/>
      <c r="JH6"/>
      <c r="JI6"/>
      <c r="JJ6"/>
      <c r="JK6"/>
      <c r="JL6"/>
      <c r="JM6"/>
      <c r="JN6"/>
      <c r="JO6"/>
      <c r="JP6"/>
      <c r="JQ6"/>
      <c r="JR6"/>
      <c r="JS6"/>
      <c r="JT6"/>
      <c r="JU6"/>
      <c r="JV6"/>
      <c r="JW6"/>
    </row>
    <row r="7" spans="1:283">
      <c r="A7" s="14" t="s">
        <v>357</v>
      </c>
      <c r="B7" s="15">
        <v>32</v>
      </c>
      <c r="C7" s="15">
        <v>32</v>
      </c>
      <c r="D7" s="15">
        <v>100</v>
      </c>
      <c r="E7" s="15">
        <v>32</v>
      </c>
      <c r="F7" s="15">
        <v>32</v>
      </c>
      <c r="G7" s="15" t="s">
        <v>353</v>
      </c>
      <c r="H7" s="15" t="s">
        <v>358</v>
      </c>
      <c r="I7" s="15" t="s">
        <v>351</v>
      </c>
      <c r="J7" s="15">
        <v>0.1</v>
      </c>
      <c r="K7" s="15">
        <v>1</v>
      </c>
      <c r="L7" s="16" t="s">
        <v>349</v>
      </c>
    </row>
    <row r="8" spans="1:283" s="13" customFormat="1">
      <c r="A8" s="17" t="s">
        <v>359</v>
      </c>
      <c r="B8" s="18">
        <v>32</v>
      </c>
      <c r="C8" s="18">
        <v>32</v>
      </c>
      <c r="D8" s="18">
        <v>100</v>
      </c>
      <c r="E8" s="18">
        <v>32</v>
      </c>
      <c r="F8" s="18">
        <v>32</v>
      </c>
      <c r="G8" s="18" t="s">
        <v>353</v>
      </c>
      <c r="H8" s="18" t="s">
        <v>356</v>
      </c>
      <c r="I8" s="18" t="s">
        <v>360</v>
      </c>
      <c r="J8" s="18">
        <v>0.1</v>
      </c>
      <c r="K8" s="18">
        <v>1</v>
      </c>
      <c r="L8" s="19" t="s">
        <v>349</v>
      </c>
      <c r="M8"/>
      <c r="N8"/>
      <c r="O8"/>
      <c r="P8"/>
      <c r="Q8"/>
      <c r="R8"/>
      <c r="S8"/>
      <c r="T8"/>
      <c r="U8"/>
      <c r="V8"/>
      <c r="W8"/>
      <c r="X8"/>
      <c r="Y8"/>
      <c r="Z8"/>
      <c r="AA8"/>
      <c r="AB8"/>
      <c r="AC8"/>
      <c r="AD8"/>
      <c r="AE8"/>
      <c r="AF8"/>
      <c r="AG8"/>
      <c r="AH8"/>
      <c r="AI8"/>
      <c r="AJ8"/>
      <c r="AK8"/>
      <c r="AL8"/>
      <c r="AM8"/>
      <c r="AN8"/>
      <c r="AO8"/>
      <c r="AP8"/>
      <c r="AQ8"/>
      <c r="AR8"/>
      <c r="AS8"/>
      <c r="AT8"/>
      <c r="AU8"/>
      <c r="AV8"/>
      <c r="AW8"/>
      <c r="AX8"/>
      <c r="AY8"/>
      <c r="AZ8"/>
      <c r="BA8"/>
      <c r="BB8"/>
      <c r="BC8"/>
      <c r="BD8"/>
      <c r="BE8"/>
      <c r="BF8"/>
      <c r="BG8"/>
      <c r="BH8"/>
      <c r="BI8"/>
      <c r="BJ8"/>
      <c r="BK8"/>
      <c r="BL8"/>
      <c r="BM8"/>
      <c r="BN8"/>
      <c r="BO8"/>
      <c r="BP8"/>
      <c r="BQ8"/>
      <c r="BR8"/>
      <c r="BS8"/>
      <c r="BT8"/>
      <c r="BU8"/>
      <c r="BV8"/>
      <c r="BW8"/>
      <c r="BX8"/>
      <c r="BY8"/>
      <c r="BZ8"/>
      <c r="CA8"/>
      <c r="CB8"/>
      <c r="CC8"/>
      <c r="CD8"/>
      <c r="CE8"/>
      <c r="CF8"/>
      <c r="CG8"/>
      <c r="CH8"/>
      <c r="CI8"/>
      <c r="CJ8"/>
      <c r="CK8"/>
      <c r="CL8"/>
      <c r="CM8"/>
      <c r="CN8"/>
      <c r="CO8"/>
      <c r="CP8"/>
      <c r="CQ8"/>
      <c r="CR8"/>
      <c r="CS8"/>
      <c r="CT8"/>
      <c r="CU8"/>
      <c r="CV8"/>
      <c r="CW8"/>
      <c r="CX8"/>
      <c r="CY8"/>
      <c r="CZ8"/>
      <c r="DA8"/>
      <c r="DB8"/>
      <c r="DC8"/>
      <c r="DD8"/>
      <c r="DE8"/>
      <c r="DF8"/>
      <c r="DG8"/>
      <c r="DH8"/>
      <c r="DI8"/>
      <c r="DJ8"/>
      <c r="DK8"/>
      <c r="DL8"/>
      <c r="DM8"/>
      <c r="DN8"/>
      <c r="DO8"/>
      <c r="DP8"/>
      <c r="DQ8"/>
      <c r="DR8"/>
      <c r="DS8"/>
      <c r="DT8"/>
      <c r="DU8"/>
      <c r="DV8"/>
      <c r="DW8"/>
      <c r="DX8"/>
      <c r="DY8"/>
      <c r="DZ8"/>
      <c r="EA8"/>
      <c r="EB8"/>
      <c r="EC8"/>
      <c r="ED8"/>
      <c r="EE8"/>
      <c r="EF8"/>
      <c r="EG8"/>
      <c r="EH8"/>
      <c r="EI8"/>
      <c r="EJ8"/>
      <c r="EK8"/>
      <c r="EL8"/>
      <c r="EM8"/>
      <c r="EN8"/>
      <c r="EO8"/>
      <c r="EP8"/>
      <c r="EQ8"/>
      <c r="ER8"/>
      <c r="ES8"/>
      <c r="ET8"/>
      <c r="EU8"/>
      <c r="EV8"/>
      <c r="EW8"/>
      <c r="EX8"/>
      <c r="EY8"/>
      <c r="EZ8"/>
      <c r="FA8"/>
      <c r="FB8"/>
      <c r="FC8"/>
      <c r="FD8"/>
      <c r="FE8"/>
      <c r="FF8"/>
      <c r="FG8"/>
      <c r="FH8"/>
      <c r="FI8"/>
      <c r="FJ8"/>
      <c r="FK8"/>
      <c r="FL8"/>
      <c r="FM8"/>
      <c r="FN8"/>
      <c r="FO8"/>
      <c r="FP8"/>
      <c r="FQ8"/>
      <c r="FR8"/>
      <c r="FS8"/>
      <c r="FT8"/>
      <c r="FU8"/>
      <c r="FV8"/>
      <c r="FW8"/>
      <c r="FX8"/>
      <c r="FY8"/>
      <c r="FZ8"/>
      <c r="GA8"/>
      <c r="GB8"/>
      <c r="GC8"/>
      <c r="GD8"/>
      <c r="GE8"/>
      <c r="GF8"/>
      <c r="GG8"/>
      <c r="GH8"/>
      <c r="GI8"/>
      <c r="GJ8"/>
      <c r="GK8"/>
      <c r="GL8"/>
      <c r="GM8"/>
      <c r="GN8"/>
      <c r="GO8"/>
      <c r="GP8"/>
      <c r="GQ8"/>
      <c r="GR8"/>
      <c r="GS8"/>
      <c r="GT8"/>
      <c r="GU8"/>
      <c r="GV8"/>
      <c r="GW8"/>
      <c r="GX8"/>
      <c r="GY8"/>
      <c r="GZ8"/>
      <c r="HA8"/>
      <c r="HB8"/>
      <c r="HC8"/>
      <c r="HD8"/>
      <c r="HE8"/>
      <c r="HF8"/>
      <c r="HG8"/>
      <c r="HH8"/>
      <c r="HI8"/>
      <c r="HJ8"/>
      <c r="HK8"/>
      <c r="HL8"/>
      <c r="HM8"/>
      <c r="HN8"/>
      <c r="HO8"/>
      <c r="HP8"/>
      <c r="HQ8"/>
      <c r="HR8"/>
      <c r="HS8"/>
      <c r="HT8"/>
      <c r="HU8"/>
      <c r="HV8"/>
      <c r="HW8"/>
      <c r="HX8"/>
      <c r="HY8"/>
      <c r="HZ8"/>
      <c r="IA8"/>
      <c r="IB8"/>
      <c r="IC8"/>
      <c r="ID8"/>
      <c r="IE8"/>
      <c r="IF8"/>
      <c r="IG8"/>
      <c r="IH8"/>
      <c r="II8"/>
      <c r="IJ8"/>
      <c r="IK8"/>
      <c r="IL8"/>
      <c r="IM8"/>
      <c r="IN8"/>
      <c r="IO8"/>
      <c r="IP8"/>
      <c r="IQ8"/>
      <c r="IR8"/>
      <c r="IS8"/>
      <c r="IT8"/>
      <c r="IU8"/>
      <c r="IV8"/>
      <c r="IW8"/>
      <c r="IX8"/>
      <c r="IY8"/>
      <c r="IZ8"/>
      <c r="JA8"/>
      <c r="JB8"/>
      <c r="JC8"/>
      <c r="JD8"/>
      <c r="JE8"/>
      <c r="JF8"/>
      <c r="JG8"/>
      <c r="JH8"/>
      <c r="JI8"/>
      <c r="JJ8"/>
      <c r="JK8"/>
      <c r="JL8"/>
      <c r="JM8"/>
      <c r="JN8"/>
      <c r="JO8"/>
      <c r="JP8"/>
      <c r="JQ8"/>
      <c r="JR8"/>
      <c r="JS8"/>
      <c r="JT8"/>
      <c r="JU8"/>
      <c r="JV8"/>
      <c r="JW8"/>
    </row>
    <row r="9" spans="1:283">
      <c r="A9" s="14" t="s">
        <v>361</v>
      </c>
      <c r="B9" s="15">
        <v>32</v>
      </c>
      <c r="C9" s="15">
        <v>32</v>
      </c>
      <c r="D9" s="15">
        <v>100</v>
      </c>
      <c r="E9" s="15">
        <v>32</v>
      </c>
      <c r="F9" s="15">
        <v>32</v>
      </c>
      <c r="G9" s="15" t="s">
        <v>353</v>
      </c>
      <c r="H9" s="15" t="s">
        <v>356</v>
      </c>
      <c r="I9" s="18" t="s">
        <v>360</v>
      </c>
      <c r="J9" s="18">
        <v>0.1</v>
      </c>
      <c r="K9" s="15">
        <v>1</v>
      </c>
      <c r="L9" s="16" t="s">
        <v>353</v>
      </c>
    </row>
    <row r="10" spans="1:283" s="13" customFormat="1">
      <c r="A10" s="17" t="s">
        <v>254</v>
      </c>
      <c r="B10" s="18">
        <v>32</v>
      </c>
      <c r="C10" s="18">
        <v>32</v>
      </c>
      <c r="D10" s="18">
        <v>100</v>
      </c>
      <c r="E10" s="18">
        <v>32</v>
      </c>
      <c r="F10" s="18">
        <v>32</v>
      </c>
      <c r="G10" s="18" t="s">
        <v>353</v>
      </c>
      <c r="H10" s="18" t="s">
        <v>356</v>
      </c>
      <c r="I10" s="18" t="s">
        <v>360</v>
      </c>
      <c r="J10" s="18">
        <v>0.1</v>
      </c>
      <c r="K10" s="18">
        <v>1</v>
      </c>
      <c r="L10" s="19" t="s">
        <v>349</v>
      </c>
      <c r="M10"/>
      <c r="N10"/>
      <c r="O10"/>
      <c r="P10"/>
      <c r="Q10"/>
      <c r="R10"/>
      <c r="S10"/>
      <c r="T10"/>
      <c r="U10"/>
      <c r="V10"/>
      <c r="W10"/>
      <c r="X10"/>
      <c r="Y10"/>
      <c r="Z10"/>
      <c r="AA10"/>
      <c r="AB10"/>
      <c r="AC10"/>
      <c r="AD10"/>
      <c r="AE10"/>
      <c r="AF10"/>
      <c r="AG10"/>
      <c r="AH10"/>
      <c r="AI10"/>
      <c r="AJ10"/>
      <c r="AK10"/>
      <c r="AL10"/>
      <c r="AM10"/>
      <c r="AN10"/>
      <c r="AO10"/>
      <c r="AP10"/>
      <c r="AQ10"/>
      <c r="AR10"/>
      <c r="AS10"/>
      <c r="AT10"/>
      <c r="AU10"/>
      <c r="AV10"/>
      <c r="AW10"/>
      <c r="AX10"/>
      <c r="AY10"/>
      <c r="AZ10"/>
      <c r="BA10"/>
      <c r="BB10"/>
      <c r="BC10"/>
      <c r="BD10"/>
      <c r="BE10"/>
      <c r="BF10"/>
      <c r="BG10"/>
      <c r="BH10"/>
      <c r="BI10"/>
      <c r="BJ10"/>
      <c r="BK10"/>
      <c r="BL10"/>
      <c r="BM10"/>
      <c r="BN10"/>
      <c r="BO10"/>
      <c r="BP10"/>
      <c r="BQ10"/>
      <c r="BR10"/>
      <c r="BS10"/>
      <c r="BT10"/>
      <c r="BU10"/>
      <c r="BV10"/>
      <c r="BW10"/>
      <c r="BX10"/>
      <c r="BY10"/>
      <c r="BZ10"/>
      <c r="CA10"/>
      <c r="CB10"/>
      <c r="CC10"/>
      <c r="CD10"/>
      <c r="CE10"/>
      <c r="CF10"/>
      <c r="CG10"/>
      <c r="CH10"/>
      <c r="CI10"/>
      <c r="CJ10"/>
      <c r="CK10"/>
      <c r="CL10"/>
      <c r="CM10"/>
      <c r="CN10"/>
      <c r="CO10"/>
      <c r="CP10"/>
      <c r="CQ10"/>
      <c r="CR10"/>
      <c r="CS10"/>
      <c r="CT10"/>
      <c r="CU10"/>
      <c r="CV10"/>
      <c r="CW10"/>
      <c r="CX10"/>
      <c r="CY10"/>
      <c r="CZ10"/>
      <c r="DA10"/>
      <c r="DB10"/>
      <c r="DC10"/>
      <c r="DD10"/>
      <c r="DE10"/>
      <c r="DF10"/>
      <c r="DG10"/>
      <c r="DH10"/>
      <c r="DI10"/>
      <c r="DJ10"/>
      <c r="DK10"/>
      <c r="DL10"/>
      <c r="DM10"/>
      <c r="DN10"/>
      <c r="DO10"/>
      <c r="DP10"/>
      <c r="DQ10"/>
      <c r="DR10"/>
      <c r="DS10"/>
      <c r="DT10"/>
      <c r="DU10"/>
      <c r="DV10"/>
      <c r="DW10"/>
      <c r="DX10"/>
      <c r="DY10"/>
      <c r="DZ10"/>
      <c r="EA10"/>
      <c r="EB10"/>
      <c r="EC10"/>
      <c r="ED10"/>
      <c r="EE10"/>
      <c r="EF10"/>
      <c r="EG10"/>
      <c r="EH10"/>
      <c r="EI10"/>
      <c r="EJ10"/>
      <c r="EK10"/>
      <c r="EL10"/>
      <c r="EM10"/>
      <c r="EN10"/>
      <c r="EO10"/>
      <c r="EP10"/>
      <c r="EQ10"/>
      <c r="ER10"/>
      <c r="ES10"/>
      <c r="ET10"/>
      <c r="EU10"/>
      <c r="EV10"/>
      <c r="EW10"/>
      <c r="EX10"/>
      <c r="EY10"/>
      <c r="EZ10"/>
      <c r="FA10"/>
      <c r="FB10"/>
      <c r="FC10"/>
      <c r="FD10"/>
      <c r="FE10"/>
      <c r="FF10"/>
      <c r="FG10"/>
      <c r="FH10"/>
      <c r="FI10"/>
      <c r="FJ10"/>
      <c r="FK10"/>
      <c r="FL10"/>
      <c r="FM10"/>
      <c r="FN10"/>
      <c r="FO10"/>
      <c r="FP10"/>
      <c r="FQ10"/>
      <c r="FR10"/>
      <c r="FS10"/>
      <c r="FT10"/>
      <c r="FU10"/>
      <c r="FV10"/>
      <c r="FW10"/>
      <c r="FX10"/>
      <c r="FY10"/>
      <c r="FZ10"/>
      <c r="GA10"/>
      <c r="GB10"/>
      <c r="GC10"/>
      <c r="GD10"/>
      <c r="GE10"/>
      <c r="GF10"/>
      <c r="GG10"/>
      <c r="GH10"/>
      <c r="GI10"/>
      <c r="GJ10"/>
      <c r="GK10"/>
      <c r="GL10"/>
      <c r="GM10"/>
      <c r="GN10"/>
      <c r="GO10"/>
      <c r="GP10"/>
      <c r="GQ10"/>
      <c r="GR10"/>
      <c r="GS10"/>
      <c r="GT10"/>
      <c r="GU10"/>
      <c r="GV10"/>
      <c r="GW10"/>
      <c r="GX10"/>
      <c r="GY10"/>
      <c r="GZ10"/>
      <c r="HA10"/>
      <c r="HB10"/>
      <c r="HC10"/>
      <c r="HD10"/>
      <c r="HE10"/>
      <c r="HF10"/>
      <c r="HG10"/>
      <c r="HH10"/>
      <c r="HI10"/>
      <c r="HJ10"/>
      <c r="HK10"/>
      <c r="HL10"/>
      <c r="HM10"/>
      <c r="HN10"/>
      <c r="HO10"/>
      <c r="HP10"/>
      <c r="HQ10"/>
      <c r="HR10"/>
      <c r="HS10"/>
      <c r="HT10"/>
      <c r="HU10"/>
      <c r="HV10"/>
      <c r="HW10"/>
      <c r="HX10"/>
      <c r="HY10"/>
      <c r="HZ10"/>
      <c r="IA10"/>
      <c r="IB10"/>
      <c r="IC10"/>
      <c r="ID10"/>
      <c r="IE10"/>
      <c r="IF10"/>
      <c r="IG10"/>
      <c r="IH10"/>
      <c r="II10"/>
      <c r="IJ10"/>
      <c r="IK10"/>
      <c r="IL10"/>
      <c r="IM10"/>
      <c r="IN10"/>
      <c r="IO10"/>
      <c r="IP10"/>
      <c r="IQ10"/>
      <c r="IR10"/>
      <c r="IS10"/>
      <c r="IT10"/>
      <c r="IU10"/>
      <c r="IV10"/>
      <c r="IW10"/>
      <c r="IX10"/>
      <c r="IY10"/>
      <c r="IZ10"/>
      <c r="JA10"/>
      <c r="JB10"/>
      <c r="JC10"/>
      <c r="JD10"/>
      <c r="JE10"/>
      <c r="JF10"/>
      <c r="JG10"/>
      <c r="JH10"/>
      <c r="JI10"/>
      <c r="JJ10"/>
      <c r="JK10"/>
      <c r="JL10"/>
      <c r="JM10"/>
      <c r="JN10"/>
      <c r="JO10"/>
      <c r="JP10"/>
      <c r="JQ10"/>
      <c r="JR10"/>
      <c r="JS10"/>
      <c r="JT10"/>
      <c r="JU10"/>
      <c r="JV10"/>
      <c r="JW10"/>
    </row>
    <row r="11" spans="1:283">
      <c r="A11" s="14" t="s">
        <v>362</v>
      </c>
      <c r="B11" s="15">
        <v>32</v>
      </c>
      <c r="C11" s="15">
        <v>32</v>
      </c>
      <c r="D11" s="15">
        <v>100</v>
      </c>
      <c r="E11" s="15">
        <v>63</v>
      </c>
      <c r="F11" s="15">
        <v>32</v>
      </c>
      <c r="G11" s="15" t="s">
        <v>353</v>
      </c>
      <c r="H11" s="15" t="s">
        <v>356</v>
      </c>
      <c r="I11" s="15" t="s">
        <v>351</v>
      </c>
      <c r="J11" s="15">
        <v>0.16</v>
      </c>
      <c r="K11" s="15">
        <v>2</v>
      </c>
      <c r="L11" s="16" t="s">
        <v>349</v>
      </c>
    </row>
    <row r="12" spans="1:283">
      <c r="A12" s="181" t="s">
        <v>328</v>
      </c>
      <c r="B12" s="118">
        <v>32</v>
      </c>
      <c r="C12" s="118">
        <v>32</v>
      </c>
      <c r="D12" s="118">
        <v>100</v>
      </c>
      <c r="E12" s="118">
        <v>64</v>
      </c>
      <c r="F12" s="118">
        <v>32</v>
      </c>
      <c r="G12" s="118" t="s">
        <v>349</v>
      </c>
      <c r="H12" s="118" t="s">
        <v>349</v>
      </c>
      <c r="I12" s="118" t="s">
        <v>351</v>
      </c>
      <c r="J12" s="118">
        <v>0.25</v>
      </c>
      <c r="K12" s="118">
        <v>2</v>
      </c>
      <c r="L12" s="182" t="s">
        <v>349</v>
      </c>
    </row>
  </sheetData>
  <pageMargins left="0.7" right="0.7" top="0.75" bottom="0.75" header="0.3" footer="0.3"/>
  <pageSetup orientation="portrait" horizontalDpi="90" verticalDpi="90" r:id="rId1"/>
  <tableParts count="1">
    <tablePart r:id="rId2"/>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5C544E-7E5E-4EA1-80B0-65794A3F5766}">
  <dimension ref="A1:U40"/>
  <sheetViews>
    <sheetView workbookViewId="0">
      <selection sqref="A1:S1"/>
    </sheetView>
  </sheetViews>
  <sheetFormatPr defaultRowHeight="15"/>
  <sheetData>
    <row r="1" spans="1:21">
      <c r="A1" s="220" t="s">
        <v>363</v>
      </c>
      <c r="B1" s="220"/>
      <c r="C1" s="220"/>
      <c r="D1" s="220"/>
      <c r="E1" s="220"/>
      <c r="F1" s="220"/>
      <c r="G1" s="220"/>
      <c r="H1" s="220"/>
      <c r="I1" s="220"/>
      <c r="J1" s="220"/>
      <c r="K1" s="220"/>
      <c r="L1" s="220"/>
      <c r="M1" s="220"/>
      <c r="N1" s="220"/>
      <c r="O1" s="220"/>
      <c r="P1" s="220"/>
      <c r="Q1" s="220"/>
      <c r="R1" s="220"/>
      <c r="S1" s="220"/>
    </row>
    <row r="3" spans="1:21">
      <c r="B3" s="217" t="s">
        <v>364</v>
      </c>
      <c r="C3" s="218"/>
      <c r="D3" s="218"/>
      <c r="E3" s="219"/>
    </row>
    <row r="4" spans="1:21" ht="15" customHeight="1">
      <c r="B4" s="29"/>
      <c r="C4" s="23" t="s">
        <v>365</v>
      </c>
      <c r="D4" s="23"/>
      <c r="E4" s="23"/>
    </row>
    <row r="6" spans="1:21">
      <c r="B6" s="222" t="s">
        <v>366</v>
      </c>
      <c r="C6" s="223"/>
      <c r="D6" s="223"/>
      <c r="E6" s="223"/>
      <c r="F6" s="223"/>
      <c r="G6" s="223"/>
      <c r="H6" s="223"/>
      <c r="I6" s="223"/>
      <c r="J6" s="224"/>
      <c r="N6" s="214" t="s">
        <v>367</v>
      </c>
      <c r="O6" s="215"/>
      <c r="P6" s="215"/>
      <c r="Q6" s="215"/>
      <c r="R6" s="215"/>
      <c r="S6" s="215"/>
      <c r="T6" s="215"/>
      <c r="U6" s="216"/>
    </row>
    <row r="7" spans="1:21" ht="15.75" thickBot="1">
      <c r="B7" s="221" t="s">
        <v>368</v>
      </c>
      <c r="C7" s="225" t="s">
        <v>369</v>
      </c>
      <c r="D7" s="226"/>
      <c r="E7" s="226"/>
      <c r="F7" s="226"/>
      <c r="G7" s="226"/>
      <c r="H7" s="226"/>
      <c r="I7" s="226"/>
      <c r="J7" s="227"/>
    </row>
    <row r="8" spans="1:21" ht="45.75" thickBot="1">
      <c r="B8" s="221"/>
      <c r="C8" s="178" t="s">
        <v>162</v>
      </c>
      <c r="D8" s="178" t="s">
        <v>104</v>
      </c>
      <c r="E8" s="55" t="s">
        <v>370</v>
      </c>
      <c r="F8" s="55" t="s">
        <v>371</v>
      </c>
      <c r="G8" s="178" t="s">
        <v>254</v>
      </c>
      <c r="H8" s="178" t="s">
        <v>269</v>
      </c>
      <c r="I8" s="55" t="s">
        <v>372</v>
      </c>
      <c r="J8" s="55" t="s">
        <v>373</v>
      </c>
      <c r="N8" s="228" t="s">
        <v>374</v>
      </c>
      <c r="O8" s="229"/>
      <c r="P8" s="229"/>
      <c r="Q8" s="229"/>
      <c r="R8" s="229"/>
      <c r="S8" s="229"/>
      <c r="T8" s="229"/>
      <c r="U8" s="230"/>
    </row>
    <row r="9" spans="1:21">
      <c r="B9" s="54" t="s">
        <v>375</v>
      </c>
      <c r="C9" s="56">
        <v>9.5180000000000007</v>
      </c>
      <c r="D9" s="56">
        <v>9.4499999999999993</v>
      </c>
      <c r="E9" s="57">
        <v>8.7799999999999994</v>
      </c>
      <c r="F9" s="58">
        <v>9.2949999999999999</v>
      </c>
      <c r="G9" s="59">
        <v>8.9909999999999997</v>
      </c>
      <c r="H9" s="60">
        <v>2.3895</v>
      </c>
      <c r="I9" s="60">
        <v>4.05</v>
      </c>
      <c r="J9" s="15" t="s">
        <v>376</v>
      </c>
    </row>
    <row r="10" spans="1:21">
      <c r="B10" s="54" t="s">
        <v>377</v>
      </c>
      <c r="C10" s="59">
        <v>2.0249999999999999</v>
      </c>
      <c r="D10" s="59">
        <v>1.958</v>
      </c>
      <c r="E10" s="60">
        <v>2.08</v>
      </c>
      <c r="F10" s="61">
        <v>3.1589999999999998</v>
      </c>
      <c r="G10" s="59">
        <v>6.9050000000000002</v>
      </c>
      <c r="H10" s="60">
        <v>2.3895</v>
      </c>
      <c r="I10" s="60">
        <v>2.7</v>
      </c>
      <c r="J10" s="15">
        <v>0.22950000000000001</v>
      </c>
    </row>
    <row r="11" spans="1:21">
      <c r="B11" s="54" t="s">
        <v>378</v>
      </c>
      <c r="C11" s="59">
        <v>5.4</v>
      </c>
      <c r="D11" s="59">
        <v>5.8049999999999997</v>
      </c>
      <c r="E11" s="60">
        <v>6.37</v>
      </c>
      <c r="F11" s="61">
        <v>3.6789999999999998</v>
      </c>
      <c r="G11" s="56">
        <v>12.515000000000001</v>
      </c>
      <c r="H11" s="60">
        <v>2.3962500000000002</v>
      </c>
      <c r="I11" s="60">
        <v>3.92</v>
      </c>
      <c r="J11" s="64">
        <v>6.0345000000000004</v>
      </c>
    </row>
    <row r="12" spans="1:21">
      <c r="B12" s="54" t="s">
        <v>379</v>
      </c>
      <c r="C12" s="59">
        <v>2.16</v>
      </c>
      <c r="D12" s="59">
        <v>1.7549999999999999</v>
      </c>
      <c r="E12" s="60">
        <v>2.4700000000000002</v>
      </c>
      <c r="F12" s="61">
        <v>2.8220000000000001</v>
      </c>
      <c r="G12" s="59">
        <v>7.4930000000000003</v>
      </c>
      <c r="H12" s="60">
        <v>2.4569999999999999</v>
      </c>
      <c r="I12" s="60">
        <v>5.4</v>
      </c>
      <c r="J12" s="15" t="s">
        <v>376</v>
      </c>
    </row>
    <row r="13" spans="1:21">
      <c r="B13" s="54" t="s">
        <v>380</v>
      </c>
      <c r="C13" s="59">
        <v>1.6879999999999999</v>
      </c>
      <c r="D13" s="59">
        <v>2.633</v>
      </c>
      <c r="E13" s="60">
        <v>1.95</v>
      </c>
      <c r="F13" s="61">
        <v>3.6179999999999999</v>
      </c>
      <c r="G13" s="59">
        <v>3.254</v>
      </c>
      <c r="H13" s="60">
        <v>2.08575</v>
      </c>
      <c r="I13" s="60">
        <v>3.38</v>
      </c>
      <c r="J13" s="15" t="s">
        <v>376</v>
      </c>
    </row>
    <row r="14" spans="1:21">
      <c r="B14" s="54" t="s">
        <v>381</v>
      </c>
      <c r="C14" s="59">
        <v>1.7549999999999999</v>
      </c>
      <c r="D14" s="59">
        <v>2.2280000000000002</v>
      </c>
      <c r="E14" s="60">
        <v>1.89</v>
      </c>
      <c r="F14" s="61">
        <v>3.0649999999999999</v>
      </c>
      <c r="G14" s="56">
        <v>12.298999999999999</v>
      </c>
      <c r="H14" s="60">
        <v>2.1194999999999999</v>
      </c>
      <c r="I14" s="60">
        <v>4.59</v>
      </c>
      <c r="J14" s="15">
        <v>1.0395000000000001</v>
      </c>
    </row>
    <row r="15" spans="1:21">
      <c r="B15" s="54" t="s">
        <v>382</v>
      </c>
      <c r="C15" s="59">
        <v>1.5529999999999999</v>
      </c>
      <c r="D15" s="59">
        <v>1.823</v>
      </c>
      <c r="E15" s="60">
        <v>5.27</v>
      </c>
      <c r="F15" s="61">
        <v>2.6389999999999998</v>
      </c>
      <c r="G15" s="59">
        <v>2.7610000000000001</v>
      </c>
      <c r="H15" s="60">
        <v>2.2410000000000001</v>
      </c>
      <c r="I15" s="60">
        <v>4.7300000000000004</v>
      </c>
      <c r="J15" s="15" t="s">
        <v>376</v>
      </c>
    </row>
    <row r="16" spans="1:21">
      <c r="B16" s="54" t="s">
        <v>383</v>
      </c>
      <c r="C16" s="59">
        <v>1.5529999999999999</v>
      </c>
      <c r="D16" s="59">
        <v>1.6879999999999999</v>
      </c>
      <c r="E16" s="60">
        <v>4.42</v>
      </c>
      <c r="F16" s="61">
        <v>2.6659999999999999</v>
      </c>
      <c r="G16" s="59">
        <v>2.8220000000000001</v>
      </c>
      <c r="H16" s="60">
        <v>2.2072500000000002</v>
      </c>
      <c r="I16" s="60">
        <v>4.7300000000000004</v>
      </c>
      <c r="J16" s="15" t="s">
        <v>376</v>
      </c>
    </row>
    <row r="17" spans="2:14">
      <c r="B17" s="54" t="s">
        <v>384</v>
      </c>
      <c r="C17" s="59">
        <v>1.5529999999999999</v>
      </c>
      <c r="D17" s="59">
        <v>1.6879999999999999</v>
      </c>
      <c r="E17" s="60">
        <v>1.869</v>
      </c>
      <c r="F17" s="61">
        <v>2.8490000000000002</v>
      </c>
      <c r="G17" s="59">
        <v>2.153</v>
      </c>
      <c r="H17" s="60">
        <v>3.4695</v>
      </c>
      <c r="I17" s="60">
        <v>3.38</v>
      </c>
      <c r="J17" s="15" t="s">
        <v>376</v>
      </c>
      <c r="N17" s="59"/>
    </row>
    <row r="18" spans="2:14">
      <c r="B18" s="54" t="s">
        <v>385</v>
      </c>
      <c r="C18" s="59">
        <v>1.4850000000000001</v>
      </c>
      <c r="D18" s="59">
        <v>1.62</v>
      </c>
      <c r="E18" s="60">
        <v>2.004</v>
      </c>
      <c r="F18" s="61">
        <v>2.6659999999999999</v>
      </c>
      <c r="G18" s="59">
        <v>2.2410000000000001</v>
      </c>
      <c r="H18" s="60">
        <v>2.5177499999999999</v>
      </c>
      <c r="I18" s="60">
        <v>3.38</v>
      </c>
      <c r="J18" s="15" t="s">
        <v>376</v>
      </c>
    </row>
    <row r="19" spans="2:14" ht="15.75">
      <c r="B19" s="54" t="s">
        <v>386</v>
      </c>
      <c r="C19" s="59">
        <v>1.2150000000000001</v>
      </c>
      <c r="D19" s="15" t="s">
        <v>387</v>
      </c>
      <c r="E19" s="60">
        <v>2.02</v>
      </c>
      <c r="F19" s="61">
        <v>2.855</v>
      </c>
      <c r="G19" s="59">
        <v>1.9370000000000001</v>
      </c>
      <c r="H19" s="60">
        <v>3.2534999999999998</v>
      </c>
      <c r="I19" s="60">
        <v>5.4</v>
      </c>
      <c r="J19" s="64">
        <v>11.029500000000001</v>
      </c>
    </row>
    <row r="20" spans="2:14">
      <c r="B20" s="54" t="s">
        <v>388</v>
      </c>
      <c r="C20" s="59">
        <v>1.2150000000000001</v>
      </c>
      <c r="D20" s="59">
        <v>1.4850000000000001</v>
      </c>
      <c r="E20" s="60">
        <v>2.0720000000000001</v>
      </c>
      <c r="F20" s="61">
        <v>2.6389999999999998</v>
      </c>
      <c r="G20" s="59">
        <v>2.0859999999999999</v>
      </c>
      <c r="H20" s="60">
        <v>2.3287499999999999</v>
      </c>
      <c r="I20" s="60">
        <v>5.4</v>
      </c>
      <c r="J20" s="15" t="s">
        <v>376</v>
      </c>
    </row>
    <row r="21" spans="2:14">
      <c r="B21" s="54" t="s">
        <v>389</v>
      </c>
      <c r="C21" s="59">
        <v>1.2829999999999999</v>
      </c>
      <c r="D21" s="59">
        <v>1.35</v>
      </c>
      <c r="E21" s="60">
        <v>3.06</v>
      </c>
      <c r="F21" s="61">
        <v>2.8820000000000001</v>
      </c>
      <c r="G21" s="56">
        <v>11.744999999999999</v>
      </c>
      <c r="H21" s="60">
        <v>1.81575</v>
      </c>
      <c r="I21" s="60">
        <v>4.05</v>
      </c>
      <c r="J21" s="15" t="s">
        <v>376</v>
      </c>
    </row>
    <row r="22" spans="2:14">
      <c r="B22" s="54" t="s">
        <v>390</v>
      </c>
      <c r="C22" s="59">
        <v>1.35</v>
      </c>
      <c r="D22" s="59">
        <v>1.4850000000000001</v>
      </c>
      <c r="E22" s="60">
        <v>3.38</v>
      </c>
      <c r="F22" s="61">
        <v>2.3959999999999999</v>
      </c>
      <c r="G22" s="59">
        <v>1.7210000000000001</v>
      </c>
      <c r="H22" s="60">
        <v>1.8427500000000001</v>
      </c>
      <c r="I22" s="60">
        <v>4.05</v>
      </c>
      <c r="J22" s="15" t="s">
        <v>376</v>
      </c>
    </row>
    <row r="23" spans="2:14">
      <c r="B23" s="54" t="s">
        <v>391</v>
      </c>
      <c r="C23" s="59">
        <v>1.35</v>
      </c>
      <c r="D23" s="59">
        <v>1.823</v>
      </c>
      <c r="E23" s="60">
        <v>5.01</v>
      </c>
      <c r="F23" s="61">
        <v>2.6389999999999998</v>
      </c>
      <c r="G23" s="59">
        <v>2.12</v>
      </c>
      <c r="H23" s="60">
        <v>1.9305000000000001</v>
      </c>
      <c r="I23" s="60">
        <v>4.05</v>
      </c>
      <c r="J23" s="15" t="s">
        <v>376</v>
      </c>
    </row>
    <row r="24" spans="2:14">
      <c r="B24" s="54" t="s">
        <v>392</v>
      </c>
      <c r="C24" s="59">
        <v>1.7549999999999999</v>
      </c>
      <c r="D24" s="59">
        <v>1.823</v>
      </c>
      <c r="E24" s="60">
        <v>4.88</v>
      </c>
      <c r="F24" s="61">
        <v>2.6059999999999999</v>
      </c>
      <c r="G24" s="59">
        <v>2.2679999999999998</v>
      </c>
      <c r="H24" s="60">
        <v>1.9372499999999999</v>
      </c>
      <c r="I24" s="60">
        <v>4.59</v>
      </c>
      <c r="J24" s="15">
        <v>1.3095000000000001</v>
      </c>
    </row>
    <row r="25" spans="2:14">
      <c r="B25" s="54" t="s">
        <v>393</v>
      </c>
      <c r="C25" s="62"/>
      <c r="D25" s="62"/>
      <c r="E25" s="63"/>
      <c r="F25" s="60">
        <v>2.6659999999999999</v>
      </c>
      <c r="G25" s="62"/>
      <c r="H25" s="60">
        <v>3.5234999999999999</v>
      </c>
      <c r="I25" s="60">
        <v>8.1</v>
      </c>
      <c r="J25" s="15" t="s">
        <v>376</v>
      </c>
    </row>
    <row r="26" spans="2:14">
      <c r="B26" s="54" t="s">
        <v>394</v>
      </c>
      <c r="C26" s="62"/>
      <c r="D26" s="62"/>
      <c r="E26" s="62"/>
      <c r="F26" s="60">
        <v>2.6059999999999999</v>
      </c>
      <c r="G26" s="62"/>
      <c r="H26" s="60">
        <v>3.6517499999999998</v>
      </c>
      <c r="I26" s="60">
        <v>5.4</v>
      </c>
      <c r="J26" s="15" t="s">
        <v>376</v>
      </c>
    </row>
    <row r="27" spans="2:14">
      <c r="B27" s="54" t="s">
        <v>395</v>
      </c>
      <c r="C27" s="62"/>
      <c r="D27" s="62"/>
      <c r="E27" s="62"/>
      <c r="F27" s="60">
        <v>2.3290000000000002</v>
      </c>
      <c r="G27" s="62"/>
      <c r="H27" s="60">
        <v>6.2910000000000004</v>
      </c>
      <c r="I27" s="60">
        <v>4.7300000000000004</v>
      </c>
      <c r="J27" s="15" t="s">
        <v>376</v>
      </c>
    </row>
    <row r="28" spans="2:14">
      <c r="B28" s="54" t="s">
        <v>396</v>
      </c>
      <c r="C28" s="62"/>
      <c r="D28" s="62"/>
      <c r="E28" s="62"/>
      <c r="F28" s="60">
        <v>2.2069999999999999</v>
      </c>
      <c r="G28" s="62"/>
      <c r="H28" s="60">
        <v>6.3247499999999999</v>
      </c>
      <c r="I28" s="60">
        <v>4.6890000000000001</v>
      </c>
      <c r="J28" s="15" t="s">
        <v>376</v>
      </c>
    </row>
    <row r="29" spans="2:14">
      <c r="B29" s="54" t="s">
        <v>397</v>
      </c>
      <c r="C29" s="62"/>
      <c r="D29" s="62"/>
      <c r="E29" s="62"/>
      <c r="F29" s="60">
        <v>2.9159999999999999</v>
      </c>
      <c r="G29" s="62"/>
      <c r="H29" s="60">
        <v>3.1589999999999998</v>
      </c>
      <c r="I29" s="60">
        <v>4.7300000000000004</v>
      </c>
      <c r="J29" s="23"/>
    </row>
    <row r="30" spans="2:14">
      <c r="B30" s="54" t="s">
        <v>398</v>
      </c>
      <c r="C30" s="62"/>
      <c r="D30" s="62"/>
      <c r="E30" s="62"/>
      <c r="F30" s="60">
        <v>2.95</v>
      </c>
      <c r="G30" s="62"/>
      <c r="H30" s="60">
        <v>3.2534999999999998</v>
      </c>
      <c r="I30" s="60">
        <v>7.29</v>
      </c>
      <c r="J30" s="23"/>
    </row>
    <row r="31" spans="2:14">
      <c r="B31" s="54" t="s">
        <v>399</v>
      </c>
      <c r="C31" s="62"/>
      <c r="D31" s="62"/>
      <c r="E31" s="62"/>
      <c r="F31" s="60">
        <v>2.423</v>
      </c>
      <c r="G31" s="62"/>
      <c r="H31" s="60">
        <v>2.8214999999999999</v>
      </c>
      <c r="I31" s="60">
        <v>2.7</v>
      </c>
      <c r="J31" s="23"/>
    </row>
    <row r="32" spans="2:14">
      <c r="B32" s="54" t="s">
        <v>400</v>
      </c>
      <c r="C32" s="62"/>
      <c r="D32" s="62"/>
      <c r="E32" s="62"/>
      <c r="F32" s="60">
        <v>2.363</v>
      </c>
      <c r="G32" s="62"/>
      <c r="H32" s="60">
        <v>2.7607499999999998</v>
      </c>
      <c r="I32" s="60">
        <v>2.7</v>
      </c>
      <c r="J32" s="23"/>
    </row>
    <row r="33" spans="2:10">
      <c r="B33" s="54" t="s">
        <v>401</v>
      </c>
      <c r="C33" s="62"/>
      <c r="D33" s="62"/>
      <c r="E33" s="62"/>
      <c r="F33" s="60">
        <v>2.9430000000000001</v>
      </c>
      <c r="G33" s="62"/>
      <c r="H33" s="62"/>
      <c r="I33" s="60">
        <v>2.7</v>
      </c>
      <c r="J33" s="23"/>
    </row>
    <row r="34" spans="2:10">
      <c r="B34" s="54" t="s">
        <v>402</v>
      </c>
      <c r="C34" s="62"/>
      <c r="D34" s="62"/>
      <c r="E34" s="62"/>
      <c r="F34" s="60">
        <v>2.6059999999999999</v>
      </c>
      <c r="G34" s="62"/>
      <c r="H34" s="62"/>
      <c r="I34" s="60">
        <v>2.7</v>
      </c>
      <c r="J34" s="23"/>
    </row>
    <row r="35" spans="2:10">
      <c r="B35" s="54" t="s">
        <v>403</v>
      </c>
      <c r="C35" s="62"/>
      <c r="D35" s="62"/>
      <c r="E35" s="62"/>
      <c r="F35" s="60">
        <v>4.766</v>
      </c>
      <c r="G35" s="62"/>
      <c r="H35" s="62"/>
      <c r="I35" s="60">
        <v>2.7</v>
      </c>
      <c r="J35" s="23"/>
    </row>
    <row r="36" spans="2:10">
      <c r="B36" s="54" t="s">
        <v>404</v>
      </c>
      <c r="C36" s="62"/>
      <c r="D36" s="62"/>
      <c r="E36" s="62"/>
      <c r="F36" s="60">
        <v>5.8319999999999999</v>
      </c>
      <c r="G36" s="62"/>
      <c r="H36" s="62"/>
      <c r="I36" s="60">
        <v>3.24</v>
      </c>
      <c r="J36" s="23"/>
    </row>
    <row r="37" spans="2:10">
      <c r="B37" s="54" t="s">
        <v>405</v>
      </c>
      <c r="C37" s="62"/>
      <c r="D37" s="62"/>
      <c r="E37" s="62"/>
      <c r="F37" s="60">
        <v>2.5179999999999998</v>
      </c>
      <c r="G37" s="62"/>
      <c r="H37" s="62"/>
      <c r="I37" s="60">
        <v>3.24</v>
      </c>
      <c r="J37" s="23"/>
    </row>
    <row r="38" spans="2:10">
      <c r="B38" s="54" t="s">
        <v>406</v>
      </c>
      <c r="C38" s="62"/>
      <c r="D38" s="62"/>
      <c r="E38" s="62"/>
      <c r="F38" s="60">
        <v>2.423</v>
      </c>
      <c r="G38" s="62"/>
      <c r="H38" s="62"/>
      <c r="I38" s="60">
        <v>3.24</v>
      </c>
      <c r="J38" s="23"/>
    </row>
    <row r="39" spans="2:10">
      <c r="B39" s="54" t="s">
        <v>407</v>
      </c>
      <c r="C39" s="62"/>
      <c r="D39" s="62"/>
      <c r="E39" s="62"/>
      <c r="F39" s="60">
        <v>2.2069999999999999</v>
      </c>
      <c r="G39" s="62"/>
      <c r="H39" s="62"/>
      <c r="I39" s="60">
        <v>4.7300000000000004</v>
      </c>
      <c r="J39" s="23"/>
    </row>
    <row r="40" spans="2:10">
      <c r="B40" s="54" t="s">
        <v>408</v>
      </c>
      <c r="C40" s="62"/>
      <c r="D40" s="62"/>
      <c r="E40" s="62"/>
      <c r="F40" s="60">
        <v>2.2069999999999999</v>
      </c>
      <c r="G40" s="62"/>
      <c r="H40" s="62"/>
      <c r="I40" s="60">
        <v>4.7300000000000004</v>
      </c>
      <c r="J40" s="23"/>
    </row>
  </sheetData>
  <mergeCells count="7">
    <mergeCell ref="N6:U6"/>
    <mergeCell ref="B3:E3"/>
    <mergeCell ref="A1:S1"/>
    <mergeCell ref="B7:B8"/>
    <mergeCell ref="B6:J6"/>
    <mergeCell ref="C7:J7"/>
    <mergeCell ref="N8:U8"/>
  </mergeCells>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E84231-AB4A-4811-8D4C-0A08E7695314}">
  <dimension ref="A1:L26"/>
  <sheetViews>
    <sheetView zoomScale="85" zoomScaleNormal="85" workbookViewId="0">
      <selection activeCell="H26" sqref="H26"/>
    </sheetView>
  </sheetViews>
  <sheetFormatPr defaultRowHeight="15"/>
  <cols>
    <col min="1" max="1" width="32.85546875" bestFit="1" customWidth="1"/>
    <col min="2" max="2" width="16.28515625" bestFit="1" customWidth="1"/>
    <col min="3" max="12" width="15.7109375" customWidth="1"/>
  </cols>
  <sheetData>
    <row r="1" spans="1:12" ht="60">
      <c r="A1" s="22" t="s">
        <v>409</v>
      </c>
      <c r="B1" s="22" t="s">
        <v>410</v>
      </c>
      <c r="C1" s="21" t="s">
        <v>411</v>
      </c>
      <c r="D1" s="21" t="s">
        <v>412</v>
      </c>
      <c r="E1" s="21" t="s">
        <v>413</v>
      </c>
      <c r="F1" s="21" t="s">
        <v>414</v>
      </c>
      <c r="G1" s="21" t="s">
        <v>415</v>
      </c>
      <c r="H1" s="21" t="s">
        <v>416</v>
      </c>
      <c r="I1" s="21" t="s">
        <v>417</v>
      </c>
      <c r="J1" s="21" t="s">
        <v>418</v>
      </c>
      <c r="K1" s="21" t="s">
        <v>419</v>
      </c>
      <c r="L1" s="183" t="s">
        <v>420</v>
      </c>
    </row>
    <row r="2" spans="1:12">
      <c r="A2" s="22"/>
      <c r="B2" s="22"/>
      <c r="C2" s="22"/>
      <c r="D2" s="22"/>
      <c r="E2" s="22"/>
      <c r="F2" s="22"/>
      <c r="G2" s="22"/>
      <c r="H2" s="22"/>
      <c r="I2" s="22"/>
      <c r="J2" s="22"/>
      <c r="K2" s="22"/>
      <c r="L2" s="23"/>
    </row>
    <row r="3" spans="1:12">
      <c r="A3" s="24" t="s">
        <v>421</v>
      </c>
      <c r="B3" s="22"/>
      <c r="C3" s="22"/>
      <c r="D3" s="22"/>
      <c r="E3" s="22"/>
      <c r="F3" s="22"/>
      <c r="G3" s="22"/>
      <c r="H3" s="22"/>
      <c r="I3" s="22"/>
      <c r="J3" s="22"/>
      <c r="K3" s="22"/>
      <c r="L3" s="23"/>
    </row>
    <row r="4" spans="1:12">
      <c r="A4" s="26" t="s">
        <v>422</v>
      </c>
      <c r="B4" s="26" t="s">
        <v>423</v>
      </c>
      <c r="C4" s="28" t="s">
        <v>353</v>
      </c>
      <c r="D4" s="28" t="s">
        <v>353</v>
      </c>
      <c r="E4" s="28" t="s">
        <v>353</v>
      </c>
      <c r="F4" s="28" t="s">
        <v>353</v>
      </c>
      <c r="G4" s="28" t="s">
        <v>353</v>
      </c>
      <c r="H4" s="28" t="s">
        <v>353</v>
      </c>
      <c r="I4" s="28" t="s">
        <v>353</v>
      </c>
      <c r="J4" s="28" t="s">
        <v>353</v>
      </c>
      <c r="K4" s="28" t="s">
        <v>353</v>
      </c>
      <c r="L4" s="28" t="s">
        <v>353</v>
      </c>
    </row>
    <row r="5" spans="1:12">
      <c r="A5" s="26" t="s">
        <v>424</v>
      </c>
      <c r="B5" s="26" t="s">
        <v>425</v>
      </c>
      <c r="C5" s="28" t="s">
        <v>353</v>
      </c>
      <c r="D5" s="28" t="s">
        <v>353</v>
      </c>
      <c r="E5" s="27" t="s">
        <v>426</v>
      </c>
      <c r="F5" s="27" t="s">
        <v>426</v>
      </c>
      <c r="G5" s="27" t="s">
        <v>426</v>
      </c>
      <c r="H5" s="27" t="s">
        <v>426</v>
      </c>
      <c r="I5" s="28" t="s">
        <v>353</v>
      </c>
      <c r="J5" s="27" t="s">
        <v>426</v>
      </c>
      <c r="K5" s="28" t="s">
        <v>353</v>
      </c>
      <c r="L5" s="27" t="s">
        <v>426</v>
      </c>
    </row>
    <row r="6" spans="1:12">
      <c r="A6" s="26" t="s">
        <v>427</v>
      </c>
      <c r="B6" s="26"/>
      <c r="C6" s="27" t="s">
        <v>426</v>
      </c>
      <c r="D6" s="27" t="s">
        <v>426</v>
      </c>
      <c r="E6" s="27" t="s">
        <v>426</v>
      </c>
      <c r="F6" s="27" t="s">
        <v>426</v>
      </c>
      <c r="G6" s="27" t="s">
        <v>426</v>
      </c>
      <c r="H6" s="28" t="s">
        <v>353</v>
      </c>
      <c r="I6" s="27" t="s">
        <v>426</v>
      </c>
      <c r="J6" s="27" t="s">
        <v>426</v>
      </c>
      <c r="K6" s="27" t="s">
        <v>426</v>
      </c>
      <c r="L6" s="27" t="s">
        <v>426</v>
      </c>
    </row>
    <row r="7" spans="1:12">
      <c r="A7" s="26" t="s">
        <v>428</v>
      </c>
      <c r="B7" s="26"/>
      <c r="C7" s="27" t="s">
        <v>426</v>
      </c>
      <c r="D7" s="27" t="s">
        <v>426</v>
      </c>
      <c r="E7" s="27" t="s">
        <v>426</v>
      </c>
      <c r="F7" s="27" t="s">
        <v>426</v>
      </c>
      <c r="G7" s="27" t="s">
        <v>426</v>
      </c>
      <c r="H7" s="28" t="s">
        <v>353</v>
      </c>
      <c r="I7" s="27" t="s">
        <v>426</v>
      </c>
      <c r="J7" s="27" t="s">
        <v>426</v>
      </c>
      <c r="K7" s="27" t="s">
        <v>426</v>
      </c>
      <c r="L7" s="27" t="s">
        <v>426</v>
      </c>
    </row>
    <row r="8" spans="1:12">
      <c r="A8" s="26" t="s">
        <v>429</v>
      </c>
      <c r="B8" s="26"/>
      <c r="C8" s="27" t="s">
        <v>426</v>
      </c>
      <c r="D8" s="27" t="s">
        <v>426</v>
      </c>
      <c r="E8" s="27" t="s">
        <v>426</v>
      </c>
      <c r="F8" s="27" t="s">
        <v>426</v>
      </c>
      <c r="G8" s="27" t="s">
        <v>426</v>
      </c>
      <c r="H8" s="28" t="s">
        <v>353</v>
      </c>
      <c r="I8" s="27" t="s">
        <v>426</v>
      </c>
      <c r="J8" s="27" t="s">
        <v>426</v>
      </c>
      <c r="K8" s="27" t="s">
        <v>426</v>
      </c>
      <c r="L8" s="27" t="s">
        <v>426</v>
      </c>
    </row>
    <row r="9" spans="1:12">
      <c r="A9" s="26" t="s">
        <v>430</v>
      </c>
      <c r="B9" s="26" t="s">
        <v>423</v>
      </c>
      <c r="C9" s="27" t="s">
        <v>426</v>
      </c>
      <c r="D9" s="27" t="s">
        <v>426</v>
      </c>
      <c r="E9" s="27" t="s">
        <v>426</v>
      </c>
      <c r="F9" s="27" t="s">
        <v>426</v>
      </c>
      <c r="G9" s="27" t="s">
        <v>426</v>
      </c>
      <c r="H9" s="27" t="s">
        <v>426</v>
      </c>
      <c r="I9" s="27" t="s">
        <v>426</v>
      </c>
      <c r="J9" s="27" t="s">
        <v>426</v>
      </c>
      <c r="K9" s="27" t="s">
        <v>426</v>
      </c>
      <c r="L9" s="27" t="s">
        <v>426</v>
      </c>
    </row>
    <row r="10" spans="1:12">
      <c r="A10" s="26" t="s">
        <v>431</v>
      </c>
      <c r="B10" s="26" t="s">
        <v>423</v>
      </c>
      <c r="C10" s="28" t="s">
        <v>353</v>
      </c>
      <c r="D10" s="28" t="s">
        <v>353</v>
      </c>
      <c r="E10" s="28" t="s">
        <v>353</v>
      </c>
      <c r="F10" s="27" t="s">
        <v>426</v>
      </c>
      <c r="G10" s="28" t="s">
        <v>353</v>
      </c>
      <c r="H10" s="27" t="s">
        <v>426</v>
      </c>
      <c r="I10" s="28" t="s">
        <v>353</v>
      </c>
      <c r="J10" s="27" t="s">
        <v>426</v>
      </c>
      <c r="K10" s="27" t="s">
        <v>426</v>
      </c>
      <c r="L10" s="27" t="s">
        <v>426</v>
      </c>
    </row>
    <row r="11" spans="1:12">
      <c r="A11" s="26" t="s">
        <v>432</v>
      </c>
      <c r="B11" s="26" t="s">
        <v>423</v>
      </c>
      <c r="C11" s="28" t="s">
        <v>353</v>
      </c>
      <c r="D11" s="28" t="s">
        <v>353</v>
      </c>
      <c r="E11" s="28" t="s">
        <v>353</v>
      </c>
      <c r="F11" s="27" t="s">
        <v>426</v>
      </c>
      <c r="G11" s="28" t="s">
        <v>353</v>
      </c>
      <c r="H11" s="27" t="s">
        <v>426</v>
      </c>
      <c r="I11" s="28" t="s">
        <v>353</v>
      </c>
      <c r="J11" s="27" t="s">
        <v>426</v>
      </c>
      <c r="K11" s="27" t="s">
        <v>426</v>
      </c>
      <c r="L11" s="27" t="s">
        <v>426</v>
      </c>
    </row>
    <row r="12" spans="1:12">
      <c r="A12" s="26" t="s">
        <v>433</v>
      </c>
      <c r="B12" s="26" t="s">
        <v>423</v>
      </c>
      <c r="C12" s="28" t="s">
        <v>353</v>
      </c>
      <c r="D12" s="27" t="s">
        <v>426</v>
      </c>
      <c r="E12" s="28" t="s">
        <v>353</v>
      </c>
      <c r="F12" s="27" t="s">
        <v>426</v>
      </c>
      <c r="G12" s="28" t="s">
        <v>353</v>
      </c>
      <c r="H12" s="27" t="s">
        <v>426</v>
      </c>
      <c r="I12" s="27" t="s">
        <v>426</v>
      </c>
      <c r="J12" s="27" t="s">
        <v>426</v>
      </c>
      <c r="K12" s="28" t="s">
        <v>353</v>
      </c>
      <c r="L12" s="27" t="s">
        <v>426</v>
      </c>
    </row>
    <row r="13" spans="1:12">
      <c r="A13" s="26" t="s">
        <v>434</v>
      </c>
      <c r="B13" s="26" t="s">
        <v>423</v>
      </c>
      <c r="C13" s="28" t="s">
        <v>353</v>
      </c>
      <c r="D13" s="27" t="s">
        <v>426</v>
      </c>
      <c r="E13" s="27" t="s">
        <v>426</v>
      </c>
      <c r="F13" s="27" t="s">
        <v>426</v>
      </c>
      <c r="G13" s="27" t="s">
        <v>426</v>
      </c>
      <c r="H13" s="27" t="s">
        <v>426</v>
      </c>
      <c r="I13" s="28" t="s">
        <v>353</v>
      </c>
      <c r="J13" s="27" t="s">
        <v>426</v>
      </c>
      <c r="K13" s="28" t="s">
        <v>353</v>
      </c>
      <c r="L13" s="27" t="s">
        <v>426</v>
      </c>
    </row>
    <row r="14" spans="1:12">
      <c r="A14" s="26" t="s">
        <v>435</v>
      </c>
      <c r="B14" s="26" t="s">
        <v>423</v>
      </c>
      <c r="C14" s="28" t="s">
        <v>353</v>
      </c>
      <c r="D14" s="27" t="s">
        <v>426</v>
      </c>
      <c r="E14" s="27" t="s">
        <v>426</v>
      </c>
      <c r="F14" s="27" t="s">
        <v>426</v>
      </c>
      <c r="G14" s="27" t="s">
        <v>426</v>
      </c>
      <c r="H14" s="27" t="s">
        <v>426</v>
      </c>
      <c r="I14" s="28" t="s">
        <v>353</v>
      </c>
      <c r="J14" s="27" t="s">
        <v>426</v>
      </c>
      <c r="K14" s="28" t="s">
        <v>353</v>
      </c>
      <c r="L14" s="27" t="s">
        <v>426</v>
      </c>
    </row>
    <row r="15" spans="1:12">
      <c r="A15" s="26"/>
      <c r="B15" s="26"/>
      <c r="C15" s="26"/>
      <c r="D15" s="26"/>
      <c r="E15" s="26"/>
      <c r="F15" s="26"/>
      <c r="G15" s="26"/>
      <c r="H15" s="26"/>
      <c r="I15" s="26"/>
      <c r="J15" s="26"/>
      <c r="K15" s="23"/>
      <c r="L15" s="23"/>
    </row>
    <row r="16" spans="1:12">
      <c r="A16" s="24" t="s">
        <v>436</v>
      </c>
      <c r="B16" s="26"/>
      <c r="C16" s="26"/>
      <c r="D16" s="26"/>
      <c r="E16" s="26"/>
      <c r="F16" s="26"/>
      <c r="G16" s="26"/>
      <c r="H16" s="26"/>
      <c r="I16" s="26"/>
      <c r="J16" s="26"/>
      <c r="K16" s="23"/>
      <c r="L16" s="23"/>
    </row>
    <row r="17" spans="1:12">
      <c r="A17" s="26" t="s">
        <v>437</v>
      </c>
      <c r="B17" s="26"/>
      <c r="C17" s="28" t="s">
        <v>353</v>
      </c>
      <c r="D17" s="28" t="s">
        <v>353</v>
      </c>
      <c r="E17" s="28" t="s">
        <v>353</v>
      </c>
      <c r="F17" s="28" t="s">
        <v>353</v>
      </c>
      <c r="G17" s="28" t="s">
        <v>353</v>
      </c>
      <c r="H17" s="28" t="s">
        <v>353</v>
      </c>
      <c r="I17" s="28" t="s">
        <v>353</v>
      </c>
      <c r="J17" s="28" t="s">
        <v>353</v>
      </c>
      <c r="K17" s="28" t="s">
        <v>353</v>
      </c>
      <c r="L17" s="28" t="s">
        <v>353</v>
      </c>
    </row>
    <row r="18" spans="1:12">
      <c r="A18" s="26" t="s">
        <v>438</v>
      </c>
      <c r="B18" s="26" t="s">
        <v>423</v>
      </c>
      <c r="C18" s="28" t="s">
        <v>353</v>
      </c>
      <c r="D18" s="28" t="s">
        <v>353</v>
      </c>
      <c r="E18" s="27" t="s">
        <v>426</v>
      </c>
      <c r="F18" s="27" t="s">
        <v>426</v>
      </c>
      <c r="G18" s="27" t="s">
        <v>426</v>
      </c>
      <c r="H18" s="27" t="s">
        <v>426</v>
      </c>
      <c r="I18" s="28" t="s">
        <v>353</v>
      </c>
      <c r="J18" s="27" t="s">
        <v>426</v>
      </c>
      <c r="K18" s="28" t="s">
        <v>353</v>
      </c>
      <c r="L18" s="27" t="s">
        <v>426</v>
      </c>
    </row>
    <row r="19" spans="1:12">
      <c r="A19" s="26" t="s">
        <v>439</v>
      </c>
      <c r="B19" s="26" t="s">
        <v>440</v>
      </c>
      <c r="C19" s="28" t="s">
        <v>353</v>
      </c>
      <c r="D19" s="28" t="s">
        <v>353</v>
      </c>
      <c r="E19" s="28" t="s">
        <v>353</v>
      </c>
      <c r="F19" s="28" t="s">
        <v>353</v>
      </c>
      <c r="G19" s="28" t="s">
        <v>353</v>
      </c>
      <c r="H19" s="28" t="s">
        <v>353</v>
      </c>
      <c r="I19" s="28" t="s">
        <v>353</v>
      </c>
      <c r="J19" s="28" t="s">
        <v>353</v>
      </c>
      <c r="K19" s="28" t="s">
        <v>353</v>
      </c>
      <c r="L19" s="28" t="s">
        <v>353</v>
      </c>
    </row>
    <row r="20" spans="1:12">
      <c r="A20" s="22"/>
      <c r="B20" s="26"/>
      <c r="C20" s="26"/>
      <c r="D20" s="26"/>
      <c r="E20" s="26"/>
      <c r="F20" s="26"/>
      <c r="G20" s="26"/>
      <c r="H20" s="26"/>
      <c r="I20" s="26"/>
      <c r="J20" s="26"/>
      <c r="K20" s="26"/>
      <c r="L20" s="23"/>
    </row>
    <row r="21" spans="1:12">
      <c r="A21" s="24" t="s">
        <v>441</v>
      </c>
      <c r="B21" s="26"/>
      <c r="C21" s="26"/>
      <c r="D21" s="26"/>
      <c r="E21" s="26"/>
      <c r="F21" s="26"/>
      <c r="G21" s="26"/>
      <c r="H21" s="26"/>
      <c r="I21" s="26"/>
      <c r="J21" s="26"/>
      <c r="K21" s="26"/>
      <c r="L21" s="26"/>
    </row>
    <row r="22" spans="1:12">
      <c r="A22" s="26" t="s">
        <v>442</v>
      </c>
      <c r="B22" s="26" t="s">
        <v>443</v>
      </c>
      <c r="C22" s="28" t="s">
        <v>353</v>
      </c>
      <c r="D22" s="28" t="s">
        <v>353</v>
      </c>
      <c r="E22" s="28" t="s">
        <v>353</v>
      </c>
      <c r="F22" s="28" t="s">
        <v>353</v>
      </c>
      <c r="G22" s="28" t="s">
        <v>353</v>
      </c>
      <c r="H22" s="27" t="s">
        <v>426</v>
      </c>
      <c r="I22" s="28" t="s">
        <v>353</v>
      </c>
      <c r="J22" s="27" t="s">
        <v>426</v>
      </c>
      <c r="K22" s="28" t="s">
        <v>353</v>
      </c>
      <c r="L22" s="27" t="s">
        <v>426</v>
      </c>
    </row>
    <row r="23" spans="1:12">
      <c r="A23" s="26" t="s">
        <v>444</v>
      </c>
      <c r="B23" s="26" t="s">
        <v>443</v>
      </c>
      <c r="C23" s="28" t="s">
        <v>353</v>
      </c>
      <c r="D23" s="28" t="s">
        <v>353</v>
      </c>
      <c r="E23" s="28" t="s">
        <v>353</v>
      </c>
      <c r="F23" s="28" t="s">
        <v>353</v>
      </c>
      <c r="G23" s="28" t="s">
        <v>353</v>
      </c>
      <c r="H23" s="27" t="s">
        <v>426</v>
      </c>
      <c r="I23" s="28" t="s">
        <v>353</v>
      </c>
      <c r="J23" s="27" t="s">
        <v>426</v>
      </c>
      <c r="K23" s="27" t="s">
        <v>426</v>
      </c>
      <c r="L23" s="27" t="s">
        <v>426</v>
      </c>
    </row>
    <row r="24" spans="1:12">
      <c r="A24" s="23"/>
      <c r="B24" s="23"/>
      <c r="C24" s="23"/>
      <c r="D24" s="23"/>
      <c r="E24" s="23"/>
      <c r="F24" s="23"/>
      <c r="G24" s="23"/>
      <c r="H24" s="23"/>
      <c r="I24" s="23"/>
      <c r="J24" s="23"/>
      <c r="K24" s="23"/>
      <c r="L24" s="23"/>
    </row>
    <row r="25" spans="1:12">
      <c r="A25" s="24" t="s">
        <v>445</v>
      </c>
      <c r="B25" s="23"/>
      <c r="C25" s="23"/>
      <c r="D25" s="23"/>
      <c r="E25" s="23"/>
      <c r="F25" s="23"/>
      <c r="G25" s="23"/>
      <c r="H25" s="23"/>
      <c r="I25" s="23"/>
      <c r="J25" s="23"/>
      <c r="K25" s="23"/>
      <c r="L25" s="23"/>
    </row>
    <row r="26" spans="1:12">
      <c r="A26" s="23" t="s">
        <v>446</v>
      </c>
      <c r="B26" s="23"/>
      <c r="C26" s="27" t="s">
        <v>426</v>
      </c>
      <c r="D26" s="27" t="s">
        <v>426</v>
      </c>
      <c r="E26" s="27" t="s">
        <v>426</v>
      </c>
      <c r="F26" s="27" t="s">
        <v>426</v>
      </c>
      <c r="G26" s="27" t="s">
        <v>426</v>
      </c>
      <c r="H26" s="27" t="s">
        <v>426</v>
      </c>
      <c r="I26" s="27" t="s">
        <v>426</v>
      </c>
      <c r="J26" s="27" t="s">
        <v>426</v>
      </c>
      <c r="K26" s="27" t="s">
        <v>426</v>
      </c>
      <c r="L26" s="27" t="s">
        <v>426</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F70BB1-8971-477E-92DD-DEA3B36F5C6F}">
  <dimension ref="A1:L31"/>
  <sheetViews>
    <sheetView topLeftCell="A18" zoomScale="70" zoomScaleNormal="70" workbookViewId="0">
      <selection activeCell="L30" sqref="L30:L31"/>
    </sheetView>
  </sheetViews>
  <sheetFormatPr defaultRowHeight="15"/>
  <cols>
    <col min="1" max="1" width="28" customWidth="1"/>
    <col min="2" max="2" width="16.42578125" customWidth="1"/>
    <col min="3" max="3" width="21" bestFit="1" customWidth="1"/>
    <col min="4" max="4" width="21.7109375" customWidth="1"/>
    <col min="5" max="6" width="22.28515625" customWidth="1"/>
    <col min="7" max="7" width="24" bestFit="1" customWidth="1"/>
    <col min="8" max="10" width="24" customWidth="1"/>
    <col min="11" max="11" width="76" bestFit="1" customWidth="1"/>
    <col min="12" max="12" width="27.85546875" bestFit="1" customWidth="1"/>
  </cols>
  <sheetData>
    <row r="1" spans="1:12" ht="37.5" customHeight="1">
      <c r="A1" s="21" t="s">
        <v>447</v>
      </c>
      <c r="B1" s="22" t="s">
        <v>410</v>
      </c>
      <c r="C1" s="22" t="s">
        <v>448</v>
      </c>
      <c r="D1" s="22" t="s">
        <v>411</v>
      </c>
      <c r="E1" s="22" t="s">
        <v>412</v>
      </c>
      <c r="F1" s="22" t="s">
        <v>414</v>
      </c>
      <c r="G1" s="21" t="s">
        <v>449</v>
      </c>
      <c r="H1" s="21" t="s">
        <v>450</v>
      </c>
      <c r="I1" s="21" t="s">
        <v>451</v>
      </c>
      <c r="J1" s="21" t="s">
        <v>452</v>
      </c>
      <c r="K1" s="22" t="s">
        <v>453</v>
      </c>
      <c r="L1" s="51" t="s">
        <v>454</v>
      </c>
    </row>
    <row r="2" spans="1:12" ht="82.5" customHeight="1">
      <c r="A2" s="22"/>
      <c r="B2" s="22"/>
      <c r="C2" s="22"/>
      <c r="D2" s="22"/>
      <c r="E2" s="22"/>
      <c r="F2" s="22"/>
      <c r="G2" s="22"/>
      <c r="H2" s="22"/>
      <c r="I2" s="22"/>
      <c r="J2" s="22"/>
      <c r="K2" s="23"/>
      <c r="L2" s="23"/>
    </row>
    <row r="3" spans="1:12" ht="15" customHeight="1">
      <c r="A3" s="22"/>
      <c r="B3" s="22"/>
      <c r="C3" s="22"/>
      <c r="D3" s="22"/>
      <c r="E3" s="22"/>
      <c r="F3" s="22"/>
      <c r="G3" s="22"/>
      <c r="H3" s="22"/>
      <c r="I3" s="22"/>
      <c r="J3" s="22"/>
      <c r="K3" s="23"/>
    </row>
    <row r="4" spans="1:12" ht="16.5" customHeight="1">
      <c r="A4" s="24" t="s">
        <v>421</v>
      </c>
      <c r="B4" s="24"/>
      <c r="C4" s="24"/>
      <c r="D4" s="24"/>
      <c r="E4" s="24"/>
      <c r="F4" s="24"/>
      <c r="G4" s="24"/>
      <c r="H4" s="24"/>
      <c r="I4" s="24"/>
      <c r="J4" s="24"/>
      <c r="K4" s="25"/>
      <c r="L4" s="25"/>
    </row>
    <row r="5" spans="1:12" ht="22.9" customHeight="1">
      <c r="A5" s="26" t="s">
        <v>422</v>
      </c>
      <c r="B5" s="26" t="s">
        <v>455</v>
      </c>
      <c r="C5" s="27" t="s">
        <v>349</v>
      </c>
      <c r="D5" s="28" t="s">
        <v>353</v>
      </c>
      <c r="E5" s="28" t="s">
        <v>353</v>
      </c>
      <c r="F5" s="28" t="s">
        <v>353</v>
      </c>
      <c r="G5" s="28" t="s">
        <v>353</v>
      </c>
      <c r="H5" s="28" t="s">
        <v>353</v>
      </c>
      <c r="I5" s="28"/>
      <c r="J5" s="28" t="s">
        <v>353</v>
      </c>
      <c r="K5" s="29" t="s">
        <v>456</v>
      </c>
      <c r="L5" s="52" t="s">
        <v>457</v>
      </c>
    </row>
    <row r="6" spans="1:12" ht="19.899999999999999" customHeight="1">
      <c r="A6" s="26" t="s">
        <v>424</v>
      </c>
      <c r="B6" s="26" t="s">
        <v>425</v>
      </c>
      <c r="C6" s="27" t="s">
        <v>349</v>
      </c>
      <c r="D6" s="28" t="s">
        <v>353</v>
      </c>
      <c r="E6" s="28" t="s">
        <v>353</v>
      </c>
      <c r="F6" s="27" t="s">
        <v>349</v>
      </c>
      <c r="G6" s="28" t="s">
        <v>353</v>
      </c>
      <c r="H6" s="28" t="s">
        <v>353</v>
      </c>
      <c r="I6" s="28"/>
      <c r="J6" s="28" t="s">
        <v>353</v>
      </c>
      <c r="K6" s="29" t="s">
        <v>458</v>
      </c>
      <c r="L6" s="52" t="s">
        <v>457</v>
      </c>
    </row>
    <row r="7" spans="1:12" ht="30">
      <c r="A7" s="26" t="s">
        <v>427</v>
      </c>
      <c r="B7" s="26" t="s">
        <v>350</v>
      </c>
      <c r="C7" s="28" t="s">
        <v>353</v>
      </c>
      <c r="D7" s="27" t="s">
        <v>349</v>
      </c>
      <c r="E7" s="27" t="s">
        <v>349</v>
      </c>
      <c r="F7" s="27" t="s">
        <v>349</v>
      </c>
      <c r="G7" s="28" t="s">
        <v>353</v>
      </c>
      <c r="H7" s="28" t="s">
        <v>353</v>
      </c>
      <c r="I7" s="28"/>
      <c r="J7" s="28" t="s">
        <v>353</v>
      </c>
      <c r="K7" s="30" t="s">
        <v>459</v>
      </c>
      <c r="L7" s="52" t="s">
        <v>457</v>
      </c>
    </row>
    <row r="8" spans="1:12" ht="30">
      <c r="A8" s="26" t="s">
        <v>428</v>
      </c>
      <c r="B8" s="26" t="s">
        <v>350</v>
      </c>
      <c r="C8" s="28" t="s">
        <v>353</v>
      </c>
      <c r="D8" s="27" t="s">
        <v>349</v>
      </c>
      <c r="E8" s="27" t="s">
        <v>349</v>
      </c>
      <c r="F8" s="27" t="s">
        <v>349</v>
      </c>
      <c r="G8" s="28" t="s">
        <v>353</v>
      </c>
      <c r="H8" s="28" t="s">
        <v>353</v>
      </c>
      <c r="I8" s="28"/>
      <c r="J8" s="28" t="s">
        <v>353</v>
      </c>
      <c r="K8" s="30" t="s">
        <v>460</v>
      </c>
      <c r="L8" s="52" t="s">
        <v>457</v>
      </c>
    </row>
    <row r="9" spans="1:12" ht="30">
      <c r="A9" s="26" t="s">
        <v>429</v>
      </c>
      <c r="B9" s="26" t="s">
        <v>350</v>
      </c>
      <c r="C9" s="28" t="s">
        <v>353</v>
      </c>
      <c r="D9" s="27" t="s">
        <v>349</v>
      </c>
      <c r="E9" s="27" t="s">
        <v>349</v>
      </c>
      <c r="F9" s="27" t="s">
        <v>349</v>
      </c>
      <c r="G9" s="28" t="s">
        <v>353</v>
      </c>
      <c r="H9" s="28" t="s">
        <v>353</v>
      </c>
      <c r="I9" s="28"/>
      <c r="J9" s="28" t="s">
        <v>353</v>
      </c>
      <c r="K9" s="30" t="s">
        <v>461</v>
      </c>
      <c r="L9" s="52" t="s">
        <v>457</v>
      </c>
    </row>
    <row r="10" spans="1:12" ht="30.6" customHeight="1">
      <c r="A10" s="26" t="s">
        <v>462</v>
      </c>
      <c r="B10" s="26" t="s">
        <v>463</v>
      </c>
      <c r="C10" s="28" t="s">
        <v>353</v>
      </c>
      <c r="D10" s="28" t="s">
        <v>353</v>
      </c>
      <c r="E10" s="27" t="s">
        <v>349</v>
      </c>
      <c r="F10" s="27" t="s">
        <v>349</v>
      </c>
      <c r="G10" s="28" t="s">
        <v>353</v>
      </c>
      <c r="H10" s="28" t="s">
        <v>353</v>
      </c>
      <c r="I10" s="28"/>
      <c r="J10" s="28" t="s">
        <v>353</v>
      </c>
      <c r="K10" s="29" t="s">
        <v>464</v>
      </c>
      <c r="L10" s="52" t="s">
        <v>457</v>
      </c>
    </row>
    <row r="11" spans="1:12" ht="45">
      <c r="A11" s="26" t="s">
        <v>465</v>
      </c>
      <c r="B11" s="26" t="s">
        <v>463</v>
      </c>
      <c r="C11" s="28" t="s">
        <v>353</v>
      </c>
      <c r="D11" s="27" t="s">
        <v>349</v>
      </c>
      <c r="E11" s="27" t="s">
        <v>349</v>
      </c>
      <c r="F11" s="27" t="s">
        <v>349</v>
      </c>
      <c r="G11" s="28" t="s">
        <v>353</v>
      </c>
      <c r="H11" s="28" t="s">
        <v>353</v>
      </c>
      <c r="I11" s="28"/>
      <c r="J11" s="28" t="s">
        <v>353</v>
      </c>
      <c r="K11" s="30" t="s">
        <v>466</v>
      </c>
      <c r="L11" s="52" t="s">
        <v>457</v>
      </c>
    </row>
    <row r="12" spans="1:12" ht="30">
      <c r="A12" s="26" t="s">
        <v>433</v>
      </c>
      <c r="B12" s="26" t="s">
        <v>423</v>
      </c>
      <c r="C12" s="27" t="s">
        <v>349</v>
      </c>
      <c r="D12" s="28" t="s">
        <v>353</v>
      </c>
      <c r="E12" s="27" t="s">
        <v>349</v>
      </c>
      <c r="F12" s="27" t="s">
        <v>349</v>
      </c>
      <c r="G12" s="28" t="s">
        <v>353</v>
      </c>
      <c r="H12" s="28" t="s">
        <v>353</v>
      </c>
      <c r="I12" s="28"/>
      <c r="J12" s="28" t="s">
        <v>353</v>
      </c>
      <c r="K12" s="30" t="s">
        <v>467</v>
      </c>
      <c r="L12" s="52" t="s">
        <v>457</v>
      </c>
    </row>
    <row r="13" spans="1:12" ht="30">
      <c r="A13" s="26" t="s">
        <v>434</v>
      </c>
      <c r="B13" s="26" t="s">
        <v>423</v>
      </c>
      <c r="C13" s="27" t="s">
        <v>349</v>
      </c>
      <c r="D13" s="28" t="s">
        <v>353</v>
      </c>
      <c r="E13" s="27" t="s">
        <v>349</v>
      </c>
      <c r="F13" s="27" t="s">
        <v>349</v>
      </c>
      <c r="G13" s="28" t="s">
        <v>353</v>
      </c>
      <c r="H13" s="28" t="s">
        <v>353</v>
      </c>
      <c r="I13" s="28"/>
      <c r="J13" s="28" t="s">
        <v>353</v>
      </c>
      <c r="K13" s="30" t="s">
        <v>468</v>
      </c>
      <c r="L13" s="52" t="s">
        <v>457</v>
      </c>
    </row>
    <row r="14" spans="1:12" ht="30">
      <c r="A14" s="26" t="s">
        <v>435</v>
      </c>
      <c r="B14" s="26" t="s">
        <v>423</v>
      </c>
      <c r="C14" s="27" t="s">
        <v>349</v>
      </c>
      <c r="D14" s="28" t="s">
        <v>353</v>
      </c>
      <c r="E14" s="27" t="s">
        <v>426</v>
      </c>
      <c r="F14" s="27" t="s">
        <v>349</v>
      </c>
      <c r="G14" s="28" t="s">
        <v>353</v>
      </c>
      <c r="H14" s="28" t="s">
        <v>353</v>
      </c>
      <c r="I14" s="28"/>
      <c r="J14" s="28" t="s">
        <v>353</v>
      </c>
      <c r="K14" s="30" t="s">
        <v>469</v>
      </c>
      <c r="L14" s="52" t="s">
        <v>457</v>
      </c>
    </row>
    <row r="15" spans="1:12" ht="120">
      <c r="A15" s="26" t="s">
        <v>431</v>
      </c>
      <c r="B15" s="26" t="s">
        <v>423</v>
      </c>
      <c r="C15" s="27" t="s">
        <v>349</v>
      </c>
      <c r="D15" s="28" t="s">
        <v>353</v>
      </c>
      <c r="E15" s="28" t="s">
        <v>353</v>
      </c>
      <c r="F15" s="27" t="s">
        <v>349</v>
      </c>
      <c r="G15" s="27" t="s">
        <v>349</v>
      </c>
      <c r="H15" s="27" t="s">
        <v>349</v>
      </c>
      <c r="I15" s="28"/>
      <c r="J15" s="28" t="s">
        <v>353</v>
      </c>
      <c r="K15" s="30" t="s">
        <v>470</v>
      </c>
      <c r="L15" s="52" t="s">
        <v>471</v>
      </c>
    </row>
    <row r="16" spans="1:12" ht="120">
      <c r="A16" s="26" t="s">
        <v>432</v>
      </c>
      <c r="B16" s="26" t="s">
        <v>423</v>
      </c>
      <c r="C16" s="28" t="s">
        <v>353</v>
      </c>
      <c r="D16" s="28" t="s">
        <v>353</v>
      </c>
      <c r="E16" s="28" t="s">
        <v>353</v>
      </c>
      <c r="F16" s="27" t="s">
        <v>349</v>
      </c>
      <c r="G16" s="27" t="s">
        <v>349</v>
      </c>
      <c r="H16" s="28" t="s">
        <v>353</v>
      </c>
      <c r="I16" s="28"/>
      <c r="J16" s="28" t="s">
        <v>353</v>
      </c>
      <c r="K16" s="30" t="s">
        <v>472</v>
      </c>
      <c r="L16" s="52" t="s">
        <v>473</v>
      </c>
    </row>
    <row r="17" spans="1:12">
      <c r="A17" s="26"/>
      <c r="B17" s="26"/>
      <c r="C17" s="26"/>
      <c r="D17" s="26"/>
      <c r="E17" s="26"/>
      <c r="F17" s="26"/>
      <c r="G17" s="26"/>
      <c r="H17" s="26"/>
      <c r="I17" s="26"/>
      <c r="J17" s="26"/>
      <c r="K17" s="23"/>
    </row>
    <row r="18" spans="1:12">
      <c r="A18" s="24" t="s">
        <v>436</v>
      </c>
      <c r="B18" s="24"/>
      <c r="C18" s="31"/>
      <c r="D18" s="31"/>
      <c r="E18" s="31"/>
      <c r="F18" s="31"/>
      <c r="G18" s="31"/>
      <c r="H18" s="31"/>
      <c r="I18" s="31"/>
      <c r="J18" s="31"/>
      <c r="K18" s="25"/>
      <c r="L18" s="25"/>
    </row>
    <row r="19" spans="1:12">
      <c r="A19" s="26" t="s">
        <v>439</v>
      </c>
      <c r="B19" s="26" t="s">
        <v>425</v>
      </c>
      <c r="C19" s="27" t="s">
        <v>349</v>
      </c>
      <c r="D19" s="28" t="s">
        <v>353</v>
      </c>
      <c r="E19" s="28" t="s">
        <v>353</v>
      </c>
      <c r="F19" s="28"/>
      <c r="G19" s="28" t="s">
        <v>353</v>
      </c>
      <c r="H19" s="28" t="s">
        <v>353</v>
      </c>
      <c r="I19" s="28"/>
      <c r="J19" s="28" t="s">
        <v>353</v>
      </c>
      <c r="K19" s="29" t="s">
        <v>474</v>
      </c>
      <c r="L19" s="52" t="s">
        <v>457</v>
      </c>
    </row>
    <row r="20" spans="1:12">
      <c r="A20" s="22"/>
      <c r="B20" s="26"/>
      <c r="C20" s="26"/>
      <c r="D20" s="26"/>
      <c r="E20" s="26"/>
      <c r="F20" s="26"/>
      <c r="G20" s="26"/>
      <c r="H20" s="26"/>
      <c r="I20" s="26"/>
      <c r="J20" s="26"/>
      <c r="K20" s="23"/>
    </row>
    <row r="21" spans="1:12">
      <c r="A21" s="24" t="s">
        <v>441</v>
      </c>
      <c r="B21" s="31"/>
      <c r="C21" s="31"/>
      <c r="D21" s="31"/>
      <c r="E21" s="31"/>
      <c r="F21" s="31"/>
      <c r="G21" s="31"/>
      <c r="H21" s="31"/>
      <c r="I21" s="31"/>
      <c r="J21" s="31"/>
      <c r="K21" s="25"/>
      <c r="L21" s="25"/>
    </row>
    <row r="22" spans="1:12" ht="75">
      <c r="A22" s="26" t="s">
        <v>475</v>
      </c>
      <c r="B22" s="26" t="s">
        <v>476</v>
      </c>
      <c r="C22" s="27" t="s">
        <v>349</v>
      </c>
      <c r="D22" s="28" t="s">
        <v>353</v>
      </c>
      <c r="E22" s="28" t="s">
        <v>353</v>
      </c>
      <c r="F22" s="28"/>
      <c r="G22" s="27" t="s">
        <v>349</v>
      </c>
      <c r="H22" s="28" t="s">
        <v>353</v>
      </c>
      <c r="I22" s="28"/>
      <c r="J22" s="28" t="s">
        <v>353</v>
      </c>
      <c r="K22" s="30" t="s">
        <v>477</v>
      </c>
      <c r="L22" s="52" t="s">
        <v>457</v>
      </c>
    </row>
    <row r="23" spans="1:12">
      <c r="A23" s="26" t="s">
        <v>478</v>
      </c>
      <c r="B23" s="26" t="s">
        <v>476</v>
      </c>
      <c r="C23" s="27" t="s">
        <v>349</v>
      </c>
      <c r="D23" s="28" t="s">
        <v>353</v>
      </c>
      <c r="E23" s="28" t="s">
        <v>353</v>
      </c>
      <c r="F23" s="28"/>
      <c r="G23" s="28" t="s">
        <v>353</v>
      </c>
      <c r="H23" s="28" t="s">
        <v>353</v>
      </c>
      <c r="I23" s="28"/>
      <c r="J23" s="28" t="s">
        <v>353</v>
      </c>
      <c r="K23" s="29" t="s">
        <v>479</v>
      </c>
      <c r="L23" s="52" t="s">
        <v>457</v>
      </c>
    </row>
    <row r="24" spans="1:12">
      <c r="A24" s="26" t="s">
        <v>480</v>
      </c>
      <c r="B24" s="26" t="s">
        <v>481</v>
      </c>
      <c r="C24" s="27" t="s">
        <v>349</v>
      </c>
      <c r="D24" s="28" t="s">
        <v>353</v>
      </c>
      <c r="E24" s="28" t="s">
        <v>353</v>
      </c>
      <c r="F24" s="28"/>
      <c r="G24" s="28" t="s">
        <v>353</v>
      </c>
      <c r="H24" s="28" t="s">
        <v>353</v>
      </c>
      <c r="I24" s="28"/>
      <c r="J24" s="28" t="s">
        <v>353</v>
      </c>
      <c r="K24" s="29" t="s">
        <v>482</v>
      </c>
      <c r="L24" s="52" t="s">
        <v>457</v>
      </c>
    </row>
    <row r="25" spans="1:12" ht="75">
      <c r="A25" s="32" t="s">
        <v>483</v>
      </c>
      <c r="B25" s="33" t="s">
        <v>484</v>
      </c>
      <c r="C25" s="28" t="s">
        <v>353</v>
      </c>
      <c r="D25" s="28" t="s">
        <v>353</v>
      </c>
      <c r="E25" s="28" t="s">
        <v>353</v>
      </c>
      <c r="F25" s="28"/>
      <c r="G25" s="28" t="s">
        <v>353</v>
      </c>
      <c r="H25" s="28" t="s">
        <v>353</v>
      </c>
      <c r="I25" s="28"/>
      <c r="J25" s="28" t="s">
        <v>353</v>
      </c>
      <c r="K25" s="30" t="s">
        <v>485</v>
      </c>
      <c r="L25" s="52" t="s">
        <v>457</v>
      </c>
    </row>
    <row r="26" spans="1:12" ht="90">
      <c r="A26" s="32" t="s">
        <v>486</v>
      </c>
      <c r="B26" s="23" t="s">
        <v>476</v>
      </c>
      <c r="C26" s="27" t="s">
        <v>349</v>
      </c>
      <c r="D26" s="28" t="s">
        <v>353</v>
      </c>
      <c r="E26" s="28" t="s">
        <v>353</v>
      </c>
      <c r="F26" s="28"/>
      <c r="G26" s="28" t="s">
        <v>353</v>
      </c>
      <c r="H26" s="27" t="s">
        <v>349</v>
      </c>
      <c r="I26" s="27"/>
      <c r="J26" s="28" t="s">
        <v>353</v>
      </c>
      <c r="K26" s="30" t="s">
        <v>487</v>
      </c>
      <c r="L26" s="52" t="s">
        <v>471</v>
      </c>
    </row>
    <row r="27" spans="1:12">
      <c r="A27" s="22"/>
      <c r="B27" s="26"/>
      <c r="C27" s="26"/>
      <c r="D27" s="26"/>
      <c r="E27" s="26"/>
      <c r="F27" s="26"/>
      <c r="G27" s="26"/>
      <c r="H27" s="26"/>
      <c r="I27" s="26"/>
      <c r="J27" s="26"/>
      <c r="K27" s="23"/>
    </row>
    <row r="28" spans="1:12">
      <c r="A28" s="24" t="s">
        <v>445</v>
      </c>
      <c r="B28" s="31"/>
      <c r="C28" s="31"/>
      <c r="D28" s="31"/>
      <c r="E28" s="31"/>
      <c r="F28" s="31"/>
      <c r="G28" s="31"/>
      <c r="H28" s="31"/>
      <c r="I28" s="31"/>
      <c r="J28" s="31"/>
      <c r="K28" s="25"/>
      <c r="L28" s="25"/>
    </row>
    <row r="29" spans="1:12">
      <c r="A29" s="23" t="s">
        <v>488</v>
      </c>
      <c r="B29" s="23" t="s">
        <v>350</v>
      </c>
      <c r="C29" s="28" t="s">
        <v>353</v>
      </c>
      <c r="D29" s="28" t="s">
        <v>353</v>
      </c>
      <c r="E29" s="28" t="s">
        <v>353</v>
      </c>
      <c r="F29" s="28" t="s">
        <v>353</v>
      </c>
      <c r="G29" s="27" t="s">
        <v>349</v>
      </c>
      <c r="H29" s="28" t="s">
        <v>353</v>
      </c>
      <c r="I29" s="28" t="s">
        <v>353</v>
      </c>
      <c r="J29" s="27" t="s">
        <v>349</v>
      </c>
      <c r="K29" s="30" t="s">
        <v>489</v>
      </c>
      <c r="L29" s="52" t="s">
        <v>490</v>
      </c>
    </row>
    <row r="30" spans="1:12">
      <c r="A30" s="23" t="s">
        <v>488</v>
      </c>
      <c r="B30" s="23" t="s">
        <v>350</v>
      </c>
      <c r="C30" s="28" t="s">
        <v>353</v>
      </c>
      <c r="D30" s="28" t="s">
        <v>353</v>
      </c>
      <c r="E30" s="28" t="s">
        <v>353</v>
      </c>
      <c r="F30" s="28" t="s">
        <v>353</v>
      </c>
      <c r="G30" s="28" t="s">
        <v>353</v>
      </c>
      <c r="H30" s="27" t="s">
        <v>349</v>
      </c>
      <c r="I30" s="28" t="s">
        <v>353</v>
      </c>
      <c r="J30" s="27" t="s">
        <v>349</v>
      </c>
      <c r="K30" s="30" t="s">
        <v>491</v>
      </c>
      <c r="L30" s="52" t="s">
        <v>490</v>
      </c>
    </row>
    <row r="31" spans="1:12">
      <c r="A31" s="23" t="s">
        <v>488</v>
      </c>
      <c r="B31" s="23" t="s">
        <v>350</v>
      </c>
      <c r="C31" s="28" t="s">
        <v>353</v>
      </c>
      <c r="D31" s="28" t="s">
        <v>353</v>
      </c>
      <c r="E31" s="28" t="s">
        <v>353</v>
      </c>
      <c r="F31" s="28" t="s">
        <v>353</v>
      </c>
      <c r="G31" s="28" t="s">
        <v>353</v>
      </c>
      <c r="H31" s="28" t="s">
        <v>353</v>
      </c>
      <c r="I31" s="27" t="s">
        <v>349</v>
      </c>
      <c r="J31" s="27" t="s">
        <v>349</v>
      </c>
      <c r="K31" s="30" t="s">
        <v>492</v>
      </c>
      <c r="L31" s="52" t="s">
        <v>490</v>
      </c>
    </row>
  </sheetData>
  <pageMargins left="0.7" right="0.7" top="0.75" bottom="0.75" header="0.3" footer="0.3"/>
  <pageSetup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852D10-4C0E-4629-A135-03B7B6531811}">
  <dimension ref="A1:X67"/>
  <sheetViews>
    <sheetView zoomScaleNormal="100" workbookViewId="0">
      <pane xSplit="1" ySplit="3" topLeftCell="B4" activePane="bottomRight" state="frozen"/>
      <selection pane="topRight" activeCell="B1" sqref="B1"/>
      <selection pane="bottomLeft" activeCell="A4" sqref="A4"/>
      <selection pane="bottomRight" activeCell="M12" sqref="M12"/>
    </sheetView>
  </sheetViews>
  <sheetFormatPr defaultRowHeight="15"/>
  <cols>
    <col min="1" max="1" width="19" bestFit="1" customWidth="1"/>
    <col min="2" max="4" width="8.7109375" bestFit="1" customWidth="1"/>
    <col min="5" max="5" width="8.28515625" bestFit="1" customWidth="1"/>
    <col min="6" max="6" width="7.85546875" bestFit="1" customWidth="1"/>
    <col min="7" max="7" width="9" bestFit="1" customWidth="1"/>
    <col min="8" max="8" width="8.5703125" bestFit="1" customWidth="1"/>
    <col min="9" max="9" width="8" bestFit="1" customWidth="1"/>
    <col min="10" max="10" width="13.5703125" bestFit="1" customWidth="1"/>
    <col min="11" max="11" width="10.7109375" bestFit="1" customWidth="1"/>
    <col min="12" max="12" width="9.7109375" customWidth="1"/>
    <col min="13" max="14" width="7.85546875" customWidth="1"/>
    <col min="15" max="15" width="17" customWidth="1"/>
    <col min="16" max="16" width="16.42578125" customWidth="1"/>
    <col min="17" max="18" width="20.42578125" customWidth="1"/>
    <col min="19" max="19" width="16.5703125" customWidth="1"/>
    <col min="20" max="20" width="20.42578125" customWidth="1"/>
    <col min="21" max="21" width="16.28515625" customWidth="1"/>
    <col min="22" max="22" width="18" customWidth="1"/>
    <col min="23" max="23" width="19.140625" customWidth="1"/>
    <col min="24" max="24" width="20.140625" customWidth="1"/>
  </cols>
  <sheetData>
    <row r="1" spans="1:24">
      <c r="A1" s="72" t="s">
        <v>493</v>
      </c>
      <c r="B1" s="72" t="s">
        <v>494</v>
      </c>
      <c r="C1" s="72"/>
      <c r="D1" s="72"/>
      <c r="E1" s="72"/>
      <c r="F1" s="72"/>
      <c r="G1" s="162"/>
      <c r="H1" s="72"/>
      <c r="I1" s="72"/>
      <c r="J1" s="72"/>
      <c r="K1" s="163"/>
      <c r="L1" s="72"/>
      <c r="M1" s="72"/>
      <c r="N1" s="72"/>
      <c r="O1" s="72"/>
      <c r="P1" s="72"/>
      <c r="Q1" s="72" t="s">
        <v>495</v>
      </c>
      <c r="R1" s="72"/>
      <c r="S1" s="72"/>
      <c r="T1" s="72"/>
      <c r="U1" s="72"/>
      <c r="V1" s="72"/>
      <c r="W1" s="72"/>
      <c r="X1" s="72"/>
    </row>
    <row r="2" spans="1:24">
      <c r="A2" s="66"/>
      <c r="B2" s="69"/>
      <c r="C2" s="66"/>
      <c r="D2" s="69"/>
      <c r="E2" s="66"/>
      <c r="F2" s="69"/>
      <c r="G2" s="74"/>
      <c r="H2" s="69"/>
      <c r="I2" s="66"/>
      <c r="J2" s="69"/>
      <c r="K2" s="66"/>
      <c r="L2" s="69"/>
      <c r="M2" s="67"/>
      <c r="N2" s="69"/>
      <c r="O2" s="67"/>
      <c r="P2" s="69"/>
      <c r="Q2" s="67"/>
      <c r="R2" s="69"/>
      <c r="S2" s="67"/>
      <c r="T2" s="68"/>
      <c r="U2" s="66"/>
      <c r="V2" s="68"/>
      <c r="W2" s="66"/>
      <c r="X2" s="68"/>
    </row>
    <row r="3" spans="1:24">
      <c r="A3" s="66" t="s">
        <v>496</v>
      </c>
      <c r="B3" s="69" t="s">
        <v>497</v>
      </c>
      <c r="C3" s="66" t="s">
        <v>498</v>
      </c>
      <c r="D3" s="69" t="s">
        <v>499</v>
      </c>
      <c r="E3" s="66" t="s">
        <v>500</v>
      </c>
      <c r="F3" s="69" t="s">
        <v>269</v>
      </c>
      <c r="G3" s="74" t="s">
        <v>219</v>
      </c>
      <c r="H3" s="69" t="s">
        <v>142</v>
      </c>
      <c r="I3" s="66" t="s">
        <v>202</v>
      </c>
      <c r="J3" s="69" t="s">
        <v>501</v>
      </c>
      <c r="K3" s="66" t="s">
        <v>502</v>
      </c>
      <c r="L3" s="69" t="s">
        <v>503</v>
      </c>
      <c r="M3" s="67" t="s">
        <v>294</v>
      </c>
      <c r="N3" s="69" t="s">
        <v>305</v>
      </c>
      <c r="O3" s="67" t="s">
        <v>504</v>
      </c>
      <c r="P3" s="69" t="s">
        <v>505</v>
      </c>
      <c r="Q3" s="67" t="s">
        <v>413</v>
      </c>
      <c r="R3" s="69" t="s">
        <v>414</v>
      </c>
      <c r="S3" s="67" t="s">
        <v>506</v>
      </c>
      <c r="T3" s="68" t="s">
        <v>507</v>
      </c>
      <c r="U3" s="66" t="s">
        <v>508</v>
      </c>
      <c r="V3" s="68" t="s">
        <v>509</v>
      </c>
      <c r="W3" s="66" t="s">
        <v>510</v>
      </c>
      <c r="X3" s="68" t="s">
        <v>451</v>
      </c>
    </row>
    <row r="4" spans="1:24">
      <c r="A4" s="66" t="s">
        <v>511</v>
      </c>
      <c r="B4" s="69" t="s">
        <v>375</v>
      </c>
      <c r="C4" s="66" t="s">
        <v>382</v>
      </c>
      <c r="D4" s="69" t="s">
        <v>382</v>
      </c>
      <c r="E4" s="66" t="s">
        <v>388</v>
      </c>
      <c r="F4" s="69" t="s">
        <v>512</v>
      </c>
      <c r="G4" s="74" t="s">
        <v>513</v>
      </c>
      <c r="H4" s="69" t="s">
        <v>382</v>
      </c>
      <c r="I4" s="66" t="s">
        <v>514</v>
      </c>
      <c r="J4" s="69" t="s">
        <v>375</v>
      </c>
      <c r="K4" s="66" t="s">
        <v>515</v>
      </c>
      <c r="L4" s="69" t="s">
        <v>516</v>
      </c>
      <c r="M4" s="67" t="s">
        <v>517</v>
      </c>
      <c r="N4" s="69" t="s">
        <v>517</v>
      </c>
      <c r="O4" s="67" t="s">
        <v>518</v>
      </c>
      <c r="P4" s="69" t="s">
        <v>519</v>
      </c>
      <c r="Q4" s="67" t="s">
        <v>520</v>
      </c>
      <c r="R4" s="69" t="s">
        <v>520</v>
      </c>
      <c r="S4" s="67" t="s">
        <v>521</v>
      </c>
      <c r="T4" s="68" t="s">
        <v>522</v>
      </c>
      <c r="U4" s="66" t="s">
        <v>520</v>
      </c>
      <c r="V4" s="68" t="s">
        <v>523</v>
      </c>
      <c r="W4" s="66" t="s">
        <v>524</v>
      </c>
      <c r="X4" s="68" t="s">
        <v>520</v>
      </c>
    </row>
    <row r="5" spans="1:24">
      <c r="A5" s="66" t="s">
        <v>525</v>
      </c>
      <c r="B5" s="69" t="s">
        <v>377</v>
      </c>
      <c r="C5" s="66" t="s">
        <v>383</v>
      </c>
      <c r="D5" s="69" t="s">
        <v>383</v>
      </c>
      <c r="E5" s="66" t="s">
        <v>377</v>
      </c>
      <c r="F5" s="69" t="s">
        <v>526</v>
      </c>
      <c r="G5" s="74" t="s">
        <v>527</v>
      </c>
      <c r="H5" s="69" t="s">
        <v>383</v>
      </c>
      <c r="I5" s="66" t="s">
        <v>528</v>
      </c>
      <c r="J5" s="69" t="s">
        <v>377</v>
      </c>
      <c r="K5" s="66" t="s">
        <v>529</v>
      </c>
      <c r="L5" s="69" t="s">
        <v>529</v>
      </c>
      <c r="M5" s="67" t="s">
        <v>530</v>
      </c>
      <c r="N5" s="69" t="s">
        <v>530</v>
      </c>
      <c r="O5" s="67" t="s">
        <v>531</v>
      </c>
      <c r="P5" s="69" t="s">
        <v>532</v>
      </c>
      <c r="Q5" s="67" t="s">
        <v>533</v>
      </c>
      <c r="R5" s="69" t="s">
        <v>533</v>
      </c>
      <c r="S5" s="67" t="s">
        <v>534</v>
      </c>
      <c r="T5" s="68" t="s">
        <v>520</v>
      </c>
      <c r="U5" s="66" t="s">
        <v>533</v>
      </c>
      <c r="V5" s="68" t="s">
        <v>535</v>
      </c>
      <c r="W5" s="66" t="s">
        <v>536</v>
      </c>
      <c r="X5" s="68" t="s">
        <v>533</v>
      </c>
    </row>
    <row r="6" spans="1:24">
      <c r="A6" s="66" t="s">
        <v>537</v>
      </c>
      <c r="B6" s="69" t="s">
        <v>378</v>
      </c>
      <c r="C6" s="66" t="s">
        <v>389</v>
      </c>
      <c r="D6" s="69" t="s">
        <v>389</v>
      </c>
      <c r="E6" s="66" t="s">
        <v>389</v>
      </c>
      <c r="F6" s="69" t="s">
        <v>538</v>
      </c>
      <c r="G6" s="74" t="s">
        <v>539</v>
      </c>
      <c r="H6" s="69" t="s">
        <v>389</v>
      </c>
      <c r="I6" s="66" t="s">
        <v>540</v>
      </c>
      <c r="J6" s="69" t="s">
        <v>378</v>
      </c>
      <c r="K6" s="66"/>
      <c r="L6" s="69"/>
      <c r="M6" s="67" t="s">
        <v>512</v>
      </c>
      <c r="N6" s="69" t="s">
        <v>512</v>
      </c>
      <c r="O6" s="67" t="s">
        <v>541</v>
      </c>
      <c r="P6" s="69" t="s">
        <v>518</v>
      </c>
      <c r="Q6" s="67" t="s">
        <v>542</v>
      </c>
      <c r="R6" s="69" t="s">
        <v>542</v>
      </c>
      <c r="S6" s="67" t="s">
        <v>543</v>
      </c>
      <c r="T6" s="69"/>
      <c r="U6" s="66" t="s">
        <v>542</v>
      </c>
      <c r="V6" s="69" t="s">
        <v>519</v>
      </c>
      <c r="W6" s="66" t="s">
        <v>522</v>
      </c>
      <c r="X6" s="69"/>
    </row>
    <row r="7" spans="1:24">
      <c r="A7" s="66" t="s">
        <v>544</v>
      </c>
      <c r="B7" s="69" t="s">
        <v>379</v>
      </c>
      <c r="C7" s="66" t="s">
        <v>390</v>
      </c>
      <c r="D7" s="69" t="s">
        <v>390</v>
      </c>
      <c r="E7" s="66" t="s">
        <v>390</v>
      </c>
      <c r="F7" s="69" t="s">
        <v>545</v>
      </c>
      <c r="G7" s="74" t="s">
        <v>546</v>
      </c>
      <c r="H7" s="69" t="s">
        <v>390</v>
      </c>
      <c r="I7" s="66" t="s">
        <v>547</v>
      </c>
      <c r="J7" s="69" t="s">
        <v>379</v>
      </c>
      <c r="K7" s="66" t="s">
        <v>548</v>
      </c>
      <c r="L7" s="69"/>
      <c r="M7" s="67" t="s">
        <v>526</v>
      </c>
      <c r="N7" s="69" t="s">
        <v>526</v>
      </c>
      <c r="O7" s="67" t="s">
        <v>549</v>
      </c>
      <c r="P7" s="69" t="s">
        <v>550</v>
      </c>
      <c r="Q7" s="67" t="s">
        <v>551</v>
      </c>
      <c r="R7" s="69" t="s">
        <v>551</v>
      </c>
      <c r="S7" s="67" t="s">
        <v>552</v>
      </c>
      <c r="T7" s="69"/>
      <c r="U7" s="66" t="s">
        <v>551</v>
      </c>
      <c r="V7" s="69" t="s">
        <v>553</v>
      </c>
      <c r="W7" s="66" t="s">
        <v>554</v>
      </c>
      <c r="X7" s="69"/>
    </row>
    <row r="8" spans="1:24">
      <c r="A8" s="66" t="s">
        <v>555</v>
      </c>
      <c r="B8" s="69" t="s">
        <v>556</v>
      </c>
      <c r="C8" s="66" t="s">
        <v>384</v>
      </c>
      <c r="D8" s="69" t="s">
        <v>384</v>
      </c>
      <c r="E8" s="66"/>
      <c r="F8" s="69" t="s">
        <v>557</v>
      </c>
      <c r="G8" s="74" t="s">
        <v>558</v>
      </c>
      <c r="H8" s="69" t="s">
        <v>384</v>
      </c>
      <c r="I8" s="66" t="s">
        <v>559</v>
      </c>
      <c r="J8" s="69" t="s">
        <v>560</v>
      </c>
      <c r="K8" s="66" t="s">
        <v>547</v>
      </c>
      <c r="L8" s="69" t="s">
        <v>547</v>
      </c>
      <c r="M8" s="67" t="s">
        <v>557</v>
      </c>
      <c r="N8" s="69" t="s">
        <v>557</v>
      </c>
      <c r="O8" s="67" t="s">
        <v>519</v>
      </c>
      <c r="P8" s="69" t="s">
        <v>561</v>
      </c>
      <c r="Q8" s="67" t="s">
        <v>562</v>
      </c>
      <c r="R8" s="69" t="s">
        <v>562</v>
      </c>
      <c r="S8" s="67" t="s">
        <v>519</v>
      </c>
      <c r="T8" s="68" t="s">
        <v>563</v>
      </c>
      <c r="U8" s="66"/>
      <c r="V8" s="68" t="s">
        <v>564</v>
      </c>
      <c r="W8" s="66" t="s">
        <v>565</v>
      </c>
      <c r="X8" s="68" t="s">
        <v>566</v>
      </c>
    </row>
    <row r="9" spans="1:24">
      <c r="A9" s="66" t="s">
        <v>567</v>
      </c>
      <c r="B9" s="69" t="s">
        <v>568</v>
      </c>
      <c r="C9" s="66" t="s">
        <v>385</v>
      </c>
      <c r="D9" s="69" t="s">
        <v>385</v>
      </c>
      <c r="E9" s="66"/>
      <c r="F9" s="69" t="s">
        <v>569</v>
      </c>
      <c r="G9" s="74" t="s">
        <v>570</v>
      </c>
      <c r="H9" s="69" t="s">
        <v>385</v>
      </c>
      <c r="I9" s="66" t="s">
        <v>516</v>
      </c>
      <c r="J9" s="69" t="s">
        <v>571</v>
      </c>
      <c r="K9" s="66" t="s">
        <v>540</v>
      </c>
      <c r="L9" s="69" t="s">
        <v>540</v>
      </c>
      <c r="M9" s="67" t="s">
        <v>569</v>
      </c>
      <c r="N9" s="69" t="s">
        <v>569</v>
      </c>
      <c r="O9" s="67" t="s">
        <v>532</v>
      </c>
      <c r="P9" s="69" t="s">
        <v>572</v>
      </c>
      <c r="Q9" s="67" t="s">
        <v>573</v>
      </c>
      <c r="R9" s="69" t="s">
        <v>573</v>
      </c>
      <c r="S9" s="67" t="s">
        <v>532</v>
      </c>
      <c r="T9" s="68" t="s">
        <v>562</v>
      </c>
      <c r="U9" s="66"/>
      <c r="V9" s="68" t="s">
        <v>574</v>
      </c>
      <c r="W9" s="66" t="s">
        <v>575</v>
      </c>
      <c r="X9" s="68" t="s">
        <v>576</v>
      </c>
    </row>
    <row r="10" spans="1:24">
      <c r="A10" s="66" t="s">
        <v>577</v>
      </c>
      <c r="B10" s="69" t="s">
        <v>578</v>
      </c>
      <c r="C10" s="67" t="s">
        <v>386</v>
      </c>
      <c r="D10" s="69" t="s">
        <v>386</v>
      </c>
      <c r="E10" s="66" t="s">
        <v>386</v>
      </c>
      <c r="F10" s="69" t="s">
        <v>579</v>
      </c>
      <c r="G10" s="74" t="s">
        <v>580</v>
      </c>
      <c r="H10" s="69" t="s">
        <v>386</v>
      </c>
      <c r="I10" s="66" t="s">
        <v>581</v>
      </c>
      <c r="J10" s="69" t="s">
        <v>582</v>
      </c>
      <c r="K10" s="66" t="s">
        <v>559</v>
      </c>
      <c r="L10" s="69" t="s">
        <v>559</v>
      </c>
      <c r="M10" s="66" t="s">
        <v>538</v>
      </c>
      <c r="N10" s="69" t="s">
        <v>538</v>
      </c>
      <c r="O10" s="67" t="s">
        <v>583</v>
      </c>
      <c r="P10" s="69" t="s">
        <v>584</v>
      </c>
      <c r="Q10" s="67" t="s">
        <v>585</v>
      </c>
      <c r="R10" s="69" t="s">
        <v>585</v>
      </c>
      <c r="S10" s="67" t="s">
        <v>561</v>
      </c>
      <c r="T10" s="69" t="s">
        <v>586</v>
      </c>
      <c r="U10" s="67" t="s">
        <v>575</v>
      </c>
      <c r="V10" s="69" t="s">
        <v>587</v>
      </c>
      <c r="W10" s="67" t="s">
        <v>551</v>
      </c>
      <c r="X10" s="69" t="s">
        <v>588</v>
      </c>
    </row>
    <row r="11" spans="1:24">
      <c r="A11" s="66" t="s">
        <v>589</v>
      </c>
      <c r="B11" s="69" t="s">
        <v>590</v>
      </c>
      <c r="C11" s="67" t="s">
        <v>388</v>
      </c>
      <c r="D11" s="69" t="s">
        <v>388</v>
      </c>
      <c r="E11" s="66" t="s">
        <v>375</v>
      </c>
      <c r="F11" s="69" t="s">
        <v>591</v>
      </c>
      <c r="G11" s="74" t="s">
        <v>592</v>
      </c>
      <c r="H11" s="69" t="s">
        <v>388</v>
      </c>
      <c r="I11" s="66" t="s">
        <v>593</v>
      </c>
      <c r="J11" s="69" t="s">
        <v>594</v>
      </c>
      <c r="K11" s="66" t="s">
        <v>595</v>
      </c>
      <c r="L11" s="69" t="s">
        <v>595</v>
      </c>
      <c r="M11" s="66" t="s">
        <v>545</v>
      </c>
      <c r="N11" s="69" t="s">
        <v>545</v>
      </c>
      <c r="O11" s="67" t="s">
        <v>596</v>
      </c>
      <c r="P11" s="69"/>
      <c r="Q11" s="67" t="s">
        <v>597</v>
      </c>
      <c r="R11" s="69"/>
      <c r="S11" s="67" t="s">
        <v>572</v>
      </c>
      <c r="T11" s="69" t="s">
        <v>585</v>
      </c>
      <c r="U11" s="67" t="s">
        <v>565</v>
      </c>
      <c r="V11" s="69" t="s">
        <v>598</v>
      </c>
      <c r="W11" s="67" t="s">
        <v>542</v>
      </c>
      <c r="X11" s="69" t="s">
        <v>599</v>
      </c>
    </row>
    <row r="12" spans="1:24">
      <c r="A12" s="66" t="s">
        <v>600</v>
      </c>
      <c r="B12" s="69" t="s">
        <v>601</v>
      </c>
      <c r="C12" s="67" t="s">
        <v>602</v>
      </c>
      <c r="D12" s="69" t="s">
        <v>602</v>
      </c>
      <c r="E12" s="66" t="s">
        <v>578</v>
      </c>
      <c r="F12" s="69"/>
      <c r="G12" s="74"/>
      <c r="H12" s="69" t="s">
        <v>602</v>
      </c>
      <c r="I12" s="66" t="s">
        <v>603</v>
      </c>
      <c r="J12" s="69"/>
      <c r="K12" s="66"/>
      <c r="L12" s="69"/>
      <c r="M12" s="66" t="s">
        <v>604</v>
      </c>
      <c r="N12" s="69" t="s">
        <v>604</v>
      </c>
      <c r="O12" s="67"/>
      <c r="P12" s="69"/>
      <c r="Q12" s="67" t="s">
        <v>605</v>
      </c>
      <c r="R12" s="69" t="s">
        <v>605</v>
      </c>
      <c r="S12" s="67"/>
      <c r="T12" s="69" t="s">
        <v>605</v>
      </c>
      <c r="U12" s="66"/>
      <c r="V12" s="69" t="s">
        <v>606</v>
      </c>
      <c r="W12" s="66" t="s">
        <v>605</v>
      </c>
      <c r="X12" s="69" t="s">
        <v>605</v>
      </c>
    </row>
    <row r="13" spans="1:24">
      <c r="A13" s="66" t="s">
        <v>607</v>
      </c>
      <c r="B13" s="69" t="s">
        <v>608</v>
      </c>
      <c r="C13" s="67" t="s">
        <v>609</v>
      </c>
      <c r="D13" s="69" t="s">
        <v>609</v>
      </c>
      <c r="E13" s="66" t="s">
        <v>590</v>
      </c>
      <c r="F13" s="69"/>
      <c r="G13" s="74"/>
      <c r="H13" s="69" t="s">
        <v>609</v>
      </c>
      <c r="I13" s="66" t="s">
        <v>610</v>
      </c>
      <c r="J13" s="69"/>
      <c r="K13" s="66"/>
      <c r="L13" s="69"/>
      <c r="M13" s="66" t="s">
        <v>611</v>
      </c>
      <c r="N13" s="69" t="s">
        <v>611</v>
      </c>
      <c r="O13" s="67"/>
      <c r="P13" s="69"/>
      <c r="Q13" s="67" t="s">
        <v>612</v>
      </c>
      <c r="R13" s="69" t="s">
        <v>612</v>
      </c>
      <c r="S13" s="67"/>
      <c r="T13" s="69" t="s">
        <v>612</v>
      </c>
      <c r="U13" s="66"/>
      <c r="V13" s="69" t="s">
        <v>532</v>
      </c>
      <c r="W13" s="66" t="s">
        <v>612</v>
      </c>
      <c r="X13" s="69" t="s">
        <v>612</v>
      </c>
    </row>
    <row r="14" spans="1:24">
      <c r="A14" s="66" t="s">
        <v>613</v>
      </c>
      <c r="B14" s="69" t="s">
        <v>614</v>
      </c>
      <c r="C14" s="67" t="s">
        <v>392</v>
      </c>
      <c r="D14" s="69" t="s">
        <v>392</v>
      </c>
      <c r="E14" s="66" t="s">
        <v>392</v>
      </c>
      <c r="F14" s="69" t="s">
        <v>615</v>
      </c>
      <c r="G14" s="74" t="s">
        <v>616</v>
      </c>
      <c r="H14" s="69" t="s">
        <v>392</v>
      </c>
      <c r="I14" s="66"/>
      <c r="J14" s="69" t="s">
        <v>617</v>
      </c>
      <c r="K14" s="66"/>
      <c r="L14" s="69"/>
      <c r="M14" s="66" t="s">
        <v>591</v>
      </c>
      <c r="N14" s="69" t="s">
        <v>591</v>
      </c>
      <c r="O14" s="67"/>
      <c r="P14" s="69"/>
      <c r="Q14" s="67"/>
      <c r="R14" s="69"/>
      <c r="S14" s="67"/>
      <c r="T14" s="68"/>
      <c r="U14" s="66"/>
      <c r="V14" s="68"/>
      <c r="W14" s="66"/>
      <c r="X14" s="68"/>
    </row>
    <row r="15" spans="1:24">
      <c r="A15" s="66" t="s">
        <v>618</v>
      </c>
      <c r="B15" s="69" t="s">
        <v>619</v>
      </c>
      <c r="C15" s="67" t="s">
        <v>391</v>
      </c>
      <c r="D15" s="69" t="s">
        <v>391</v>
      </c>
      <c r="E15" s="66"/>
      <c r="F15" s="69" t="s">
        <v>620</v>
      </c>
      <c r="G15" s="74" t="s">
        <v>621</v>
      </c>
      <c r="H15" s="69" t="s">
        <v>391</v>
      </c>
      <c r="I15" s="66" t="s">
        <v>529</v>
      </c>
      <c r="J15" s="69" t="s">
        <v>622</v>
      </c>
      <c r="K15" s="66"/>
      <c r="L15" s="69" t="s">
        <v>623</v>
      </c>
      <c r="M15" s="66" t="s">
        <v>579</v>
      </c>
      <c r="N15" s="69" t="s">
        <v>579</v>
      </c>
      <c r="O15" s="67"/>
      <c r="P15" s="69"/>
      <c r="Q15" s="67"/>
      <c r="R15" s="69"/>
      <c r="S15" s="67"/>
      <c r="T15" s="68"/>
      <c r="U15" s="66"/>
      <c r="V15" s="68"/>
      <c r="W15" s="66"/>
      <c r="X15" s="68"/>
    </row>
    <row r="16" spans="1:24">
      <c r="A16" s="66" t="s">
        <v>624</v>
      </c>
      <c r="B16" s="69"/>
      <c r="C16" s="67" t="s">
        <v>379</v>
      </c>
      <c r="D16" s="69" t="s">
        <v>379</v>
      </c>
      <c r="E16" s="66"/>
      <c r="F16" s="69"/>
      <c r="G16" s="74" t="s">
        <v>625</v>
      </c>
      <c r="H16" s="69" t="s">
        <v>379</v>
      </c>
      <c r="I16" s="66"/>
      <c r="J16" s="69" t="s">
        <v>405</v>
      </c>
      <c r="K16" s="66" t="s">
        <v>626</v>
      </c>
      <c r="L16" s="69"/>
      <c r="M16" s="66" t="s">
        <v>627</v>
      </c>
      <c r="N16" s="69" t="s">
        <v>627</v>
      </c>
      <c r="O16" s="67" t="s">
        <v>561</v>
      </c>
      <c r="P16" s="69" t="s">
        <v>628</v>
      </c>
      <c r="Q16" s="67"/>
      <c r="R16" s="69"/>
      <c r="S16" s="67"/>
      <c r="T16" s="68"/>
      <c r="U16" s="66" t="s">
        <v>554</v>
      </c>
      <c r="V16" s="68" t="s">
        <v>561</v>
      </c>
      <c r="W16" s="66" t="s">
        <v>520</v>
      </c>
      <c r="X16" s="68"/>
    </row>
    <row r="17" spans="1:24">
      <c r="A17" s="66" t="s">
        <v>629</v>
      </c>
      <c r="B17" s="69" t="s">
        <v>380</v>
      </c>
      <c r="C17" s="67" t="s">
        <v>380</v>
      </c>
      <c r="D17" s="69" t="s">
        <v>380</v>
      </c>
      <c r="E17" s="66" t="s">
        <v>380</v>
      </c>
      <c r="F17" s="69"/>
      <c r="G17" s="74" t="s">
        <v>630</v>
      </c>
      <c r="H17" s="69" t="s">
        <v>380</v>
      </c>
      <c r="I17" s="66"/>
      <c r="J17" s="69" t="s">
        <v>406</v>
      </c>
      <c r="K17" s="66" t="s">
        <v>631</v>
      </c>
      <c r="L17" s="69"/>
      <c r="M17" s="66" t="s">
        <v>632</v>
      </c>
      <c r="N17" s="69" t="s">
        <v>632</v>
      </c>
      <c r="O17" s="67" t="s">
        <v>633</v>
      </c>
      <c r="P17" s="69" t="s">
        <v>634</v>
      </c>
      <c r="Q17" s="67"/>
      <c r="R17" s="69"/>
      <c r="S17" s="67"/>
      <c r="T17" s="69"/>
      <c r="U17" s="66" t="s">
        <v>524</v>
      </c>
      <c r="V17" s="69" t="s">
        <v>572</v>
      </c>
      <c r="W17" s="66" t="s">
        <v>533</v>
      </c>
      <c r="X17" s="69"/>
    </row>
    <row r="18" spans="1:24">
      <c r="A18" s="66" t="s">
        <v>635</v>
      </c>
      <c r="B18" s="69"/>
      <c r="C18" s="67" t="s">
        <v>378</v>
      </c>
      <c r="D18" s="69" t="s">
        <v>378</v>
      </c>
      <c r="E18" s="66"/>
      <c r="F18" s="69"/>
      <c r="G18" s="74" t="s">
        <v>636</v>
      </c>
      <c r="H18" s="69" t="s">
        <v>378</v>
      </c>
      <c r="I18" s="66"/>
      <c r="J18" s="69" t="s">
        <v>407</v>
      </c>
      <c r="K18" s="66" t="s">
        <v>637</v>
      </c>
      <c r="L18" s="69"/>
      <c r="M18" s="66"/>
      <c r="N18" s="69"/>
      <c r="O18" s="67" t="s">
        <v>572</v>
      </c>
      <c r="P18" s="69" t="s">
        <v>553</v>
      </c>
      <c r="Q18" s="67"/>
      <c r="R18" s="69"/>
      <c r="S18" s="67"/>
      <c r="T18" s="69"/>
      <c r="U18" s="66" t="s">
        <v>536</v>
      </c>
      <c r="V18" s="69" t="s">
        <v>628</v>
      </c>
      <c r="W18" s="66" t="s">
        <v>638</v>
      </c>
      <c r="X18" s="69"/>
    </row>
    <row r="19" spans="1:24">
      <c r="A19" s="66" t="s">
        <v>639</v>
      </c>
      <c r="B19" s="69" t="s">
        <v>381</v>
      </c>
      <c r="C19" s="67" t="s">
        <v>381</v>
      </c>
      <c r="D19" s="69" t="s">
        <v>381</v>
      </c>
      <c r="E19" s="66"/>
      <c r="F19" s="69"/>
      <c r="G19" s="74" t="s">
        <v>640</v>
      </c>
      <c r="H19" s="69" t="s">
        <v>381</v>
      </c>
      <c r="I19" s="66"/>
      <c r="J19" s="69" t="s">
        <v>408</v>
      </c>
      <c r="K19" s="66" t="s">
        <v>641</v>
      </c>
      <c r="L19" s="69"/>
      <c r="M19" s="66" t="s">
        <v>642</v>
      </c>
      <c r="N19" s="69" t="s">
        <v>642</v>
      </c>
      <c r="O19" s="67" t="s">
        <v>643</v>
      </c>
      <c r="P19" s="69" t="s">
        <v>606</v>
      </c>
      <c r="Q19" s="67"/>
      <c r="R19" s="69"/>
      <c r="S19" s="67"/>
      <c r="T19" s="68"/>
      <c r="U19" s="66" t="s">
        <v>644</v>
      </c>
      <c r="V19" s="68" t="s">
        <v>634</v>
      </c>
      <c r="W19" s="66" t="s">
        <v>645</v>
      </c>
      <c r="X19" s="68"/>
    </row>
    <row r="20" spans="1:24">
      <c r="A20" s="164" t="s">
        <v>646</v>
      </c>
      <c r="B20" s="164"/>
      <c r="C20" s="164" t="s">
        <v>647</v>
      </c>
      <c r="D20" s="164" t="s">
        <v>647</v>
      </c>
      <c r="E20" s="164" t="s">
        <v>619</v>
      </c>
      <c r="F20" s="164" t="s">
        <v>648</v>
      </c>
      <c r="G20" s="164" t="s">
        <v>649</v>
      </c>
      <c r="H20" s="164" t="s">
        <v>647</v>
      </c>
      <c r="I20" s="164" t="s">
        <v>650</v>
      </c>
      <c r="J20" s="164"/>
      <c r="K20" s="164"/>
      <c r="L20" s="164"/>
      <c r="M20" s="164"/>
      <c r="N20" s="164"/>
      <c r="O20" s="164" t="s">
        <v>628</v>
      </c>
      <c r="P20" s="164" t="s">
        <v>563</v>
      </c>
      <c r="Q20" s="164" t="s">
        <v>562</v>
      </c>
      <c r="R20" s="164" t="s">
        <v>562</v>
      </c>
      <c r="S20" s="164"/>
      <c r="T20" s="164"/>
      <c r="U20" s="164" t="s">
        <v>599</v>
      </c>
      <c r="V20" s="164"/>
      <c r="W20" s="164"/>
      <c r="X20" s="164" t="s">
        <v>586</v>
      </c>
    </row>
    <row r="21" spans="1:24">
      <c r="A21" s="164" t="s">
        <v>651</v>
      </c>
      <c r="B21" s="164"/>
      <c r="C21" s="164" t="s">
        <v>652</v>
      </c>
      <c r="D21" s="164" t="s">
        <v>652</v>
      </c>
      <c r="E21" s="164" t="s">
        <v>614</v>
      </c>
      <c r="F21" s="164" t="s">
        <v>653</v>
      </c>
      <c r="G21" s="164" t="s">
        <v>654</v>
      </c>
      <c r="H21" s="164" t="s">
        <v>652</v>
      </c>
      <c r="I21" s="164" t="s">
        <v>595</v>
      </c>
      <c r="J21" s="164"/>
      <c r="K21" s="164"/>
      <c r="L21" s="164"/>
      <c r="M21" s="164"/>
      <c r="N21" s="164"/>
      <c r="O21" s="164" t="s">
        <v>634</v>
      </c>
      <c r="P21" s="164" t="s">
        <v>562</v>
      </c>
      <c r="Q21" s="164" t="s">
        <v>586</v>
      </c>
      <c r="R21" s="164" t="s">
        <v>586</v>
      </c>
      <c r="S21" s="164"/>
      <c r="T21" s="164"/>
      <c r="U21" s="164" t="s">
        <v>588</v>
      </c>
      <c r="V21" s="164"/>
      <c r="W21" s="164"/>
      <c r="X21" s="164" t="s">
        <v>562</v>
      </c>
    </row>
    <row r="22" spans="1:24">
      <c r="A22" s="164" t="s">
        <v>655</v>
      </c>
      <c r="B22" s="164"/>
      <c r="C22" s="164" t="s">
        <v>656</v>
      </c>
      <c r="D22" s="164" t="s">
        <v>656</v>
      </c>
      <c r="E22" s="164" t="s">
        <v>656</v>
      </c>
      <c r="F22" s="164" t="s">
        <v>632</v>
      </c>
      <c r="G22" s="164" t="s">
        <v>657</v>
      </c>
      <c r="H22" s="164" t="s">
        <v>656</v>
      </c>
      <c r="I22" s="164" t="s">
        <v>658</v>
      </c>
      <c r="J22" s="164"/>
      <c r="K22" s="164"/>
      <c r="L22" s="164"/>
      <c r="M22" s="164"/>
      <c r="N22" s="164"/>
      <c r="O22" s="164" t="s">
        <v>553</v>
      </c>
      <c r="P22" s="164" t="s">
        <v>586</v>
      </c>
      <c r="Q22" s="164" t="s">
        <v>585</v>
      </c>
      <c r="R22" s="164" t="s">
        <v>585</v>
      </c>
      <c r="S22" s="164"/>
      <c r="T22" s="164"/>
      <c r="U22" s="164" t="s">
        <v>576</v>
      </c>
      <c r="V22" s="164"/>
      <c r="W22" s="164"/>
      <c r="X22" s="164" t="s">
        <v>597</v>
      </c>
    </row>
    <row r="23" spans="1:24">
      <c r="A23" s="164" t="s">
        <v>659</v>
      </c>
      <c r="B23" s="164"/>
      <c r="C23" s="164" t="s">
        <v>660</v>
      </c>
      <c r="D23" s="164" t="s">
        <v>660</v>
      </c>
      <c r="E23" s="164" t="s">
        <v>660</v>
      </c>
      <c r="F23" s="164" t="s">
        <v>642</v>
      </c>
      <c r="G23" s="164" t="s">
        <v>661</v>
      </c>
      <c r="H23" s="164" t="s">
        <v>660</v>
      </c>
      <c r="I23" s="164" t="s">
        <v>662</v>
      </c>
      <c r="J23" s="164"/>
      <c r="K23" s="164"/>
      <c r="L23" s="164"/>
      <c r="M23" s="164"/>
      <c r="N23" s="164"/>
      <c r="O23" s="164" t="s">
        <v>606</v>
      </c>
      <c r="P23" s="164" t="s">
        <v>585</v>
      </c>
      <c r="Q23" s="164" t="s">
        <v>597</v>
      </c>
      <c r="R23" s="164"/>
      <c r="S23" s="164"/>
      <c r="T23" s="164"/>
      <c r="U23" s="164" t="s">
        <v>566</v>
      </c>
      <c r="V23" s="164"/>
      <c r="W23" s="164"/>
      <c r="X23" s="164" t="s">
        <v>585</v>
      </c>
    </row>
    <row r="24" spans="1:24">
      <c r="A24" s="164" t="s">
        <v>663</v>
      </c>
      <c r="B24" s="164"/>
      <c r="C24" s="164" t="s">
        <v>664</v>
      </c>
      <c r="D24" s="164" t="s">
        <v>665</v>
      </c>
      <c r="E24" s="164" t="s">
        <v>666</v>
      </c>
      <c r="F24" s="164" t="s">
        <v>667</v>
      </c>
      <c r="G24" s="164"/>
      <c r="H24" s="164" t="s">
        <v>665</v>
      </c>
      <c r="I24" s="164" t="s">
        <v>668</v>
      </c>
      <c r="J24" s="164"/>
      <c r="K24" s="164"/>
      <c r="L24" s="164"/>
      <c r="M24" s="164"/>
      <c r="N24" s="164"/>
      <c r="O24" s="164" t="s">
        <v>669</v>
      </c>
      <c r="P24" s="164" t="s">
        <v>669</v>
      </c>
      <c r="Q24" s="164"/>
      <c r="R24" s="164"/>
      <c r="S24" s="164"/>
      <c r="T24" s="164"/>
      <c r="U24" s="164" t="s">
        <v>670</v>
      </c>
      <c r="V24" s="164"/>
      <c r="W24" s="164"/>
      <c r="X24" s="164"/>
    </row>
    <row r="25" spans="1:24">
      <c r="A25" s="164" t="s">
        <v>671</v>
      </c>
      <c r="B25" s="164"/>
      <c r="C25" s="164" t="s">
        <v>672</v>
      </c>
      <c r="D25" s="164" t="s">
        <v>673</v>
      </c>
      <c r="E25" s="164" t="s">
        <v>673</v>
      </c>
      <c r="F25" s="164" t="s">
        <v>674</v>
      </c>
      <c r="G25" s="164"/>
      <c r="H25" s="164" t="s">
        <v>673</v>
      </c>
      <c r="I25" s="164" t="s">
        <v>675</v>
      </c>
      <c r="J25" s="164"/>
      <c r="K25" s="164"/>
      <c r="L25" s="164"/>
      <c r="M25" s="164"/>
      <c r="N25" s="164"/>
      <c r="O25" s="164" t="s">
        <v>676</v>
      </c>
      <c r="P25" s="164" t="s">
        <v>676</v>
      </c>
      <c r="Q25" s="164"/>
      <c r="R25" s="164"/>
      <c r="S25" s="164"/>
      <c r="T25" s="164"/>
      <c r="U25" s="164" t="s">
        <v>677</v>
      </c>
      <c r="V25" s="164"/>
      <c r="W25" s="164"/>
      <c r="X25" s="164"/>
    </row>
    <row r="26" spans="1:24">
      <c r="A26" s="164" t="s">
        <v>678</v>
      </c>
      <c r="B26" s="164"/>
      <c r="C26" s="164" t="s">
        <v>679</v>
      </c>
      <c r="D26" s="164" t="s">
        <v>679</v>
      </c>
      <c r="E26" s="164" t="s">
        <v>679</v>
      </c>
      <c r="F26" s="164" t="s">
        <v>604</v>
      </c>
      <c r="G26" s="164"/>
      <c r="H26" s="164" t="s">
        <v>679</v>
      </c>
      <c r="I26" s="164"/>
      <c r="J26" s="164"/>
      <c r="K26" s="164"/>
      <c r="L26" s="164"/>
      <c r="M26" s="164"/>
      <c r="N26" s="164"/>
      <c r="O26" s="164" t="s">
        <v>680</v>
      </c>
      <c r="P26" s="164" t="s">
        <v>680</v>
      </c>
      <c r="Q26" s="164"/>
      <c r="R26" s="164"/>
      <c r="S26" s="164"/>
      <c r="T26" s="164"/>
      <c r="U26" s="164" t="s">
        <v>681</v>
      </c>
      <c r="V26" s="164"/>
      <c r="W26" s="164"/>
      <c r="X26" s="164"/>
    </row>
    <row r="27" spans="1:24">
      <c r="A27" s="164" t="s">
        <v>682</v>
      </c>
      <c r="B27" s="164"/>
      <c r="C27" s="164" t="s">
        <v>683</v>
      </c>
      <c r="D27" s="164" t="s">
        <v>683</v>
      </c>
      <c r="E27" s="164" t="s">
        <v>683</v>
      </c>
      <c r="F27" s="164" t="s">
        <v>611</v>
      </c>
      <c r="G27" s="164"/>
      <c r="H27" s="164" t="s">
        <v>683</v>
      </c>
      <c r="I27" s="164" t="s">
        <v>684</v>
      </c>
      <c r="J27" s="164"/>
      <c r="K27" s="164"/>
      <c r="L27" s="164"/>
      <c r="M27" s="164"/>
      <c r="N27" s="164"/>
      <c r="O27" s="164" t="s">
        <v>685</v>
      </c>
      <c r="P27" s="164" t="s">
        <v>685</v>
      </c>
      <c r="Q27" s="164"/>
      <c r="R27" s="164"/>
      <c r="S27" s="164"/>
      <c r="T27" s="164"/>
      <c r="U27" s="164" t="s">
        <v>686</v>
      </c>
      <c r="V27" s="164"/>
      <c r="W27" s="164"/>
      <c r="X27" s="164"/>
    </row>
    <row r="28" spans="1:24">
      <c r="A28" s="164" t="s">
        <v>687</v>
      </c>
      <c r="B28" s="164"/>
      <c r="C28" s="164" t="s">
        <v>602</v>
      </c>
      <c r="D28" s="164" t="s">
        <v>602</v>
      </c>
      <c r="E28" s="164" t="s">
        <v>578</v>
      </c>
      <c r="F28" s="164"/>
      <c r="G28" s="164"/>
      <c r="H28" s="164" t="s">
        <v>602</v>
      </c>
      <c r="I28" s="164"/>
      <c r="J28" s="164"/>
      <c r="K28" s="164"/>
      <c r="L28" s="164"/>
      <c r="M28" s="164" t="s">
        <v>604</v>
      </c>
      <c r="N28" s="164" t="s">
        <v>604</v>
      </c>
      <c r="O28" s="164"/>
      <c r="P28" s="164"/>
      <c r="Q28" s="164"/>
      <c r="R28" s="164"/>
      <c r="S28" s="164"/>
      <c r="T28" s="164"/>
      <c r="U28" s="164"/>
      <c r="V28" s="164"/>
      <c r="W28" s="164"/>
      <c r="X28" s="164"/>
    </row>
    <row r="29" spans="1:24">
      <c r="A29" s="164" t="s">
        <v>688</v>
      </c>
      <c r="B29" s="164"/>
      <c r="C29" s="164" t="s">
        <v>609</v>
      </c>
      <c r="D29" s="164" t="s">
        <v>609</v>
      </c>
      <c r="E29" s="164" t="s">
        <v>590</v>
      </c>
      <c r="F29" s="164"/>
      <c r="G29" s="164"/>
      <c r="H29" s="164" t="s">
        <v>609</v>
      </c>
      <c r="I29" s="164"/>
      <c r="J29" s="164"/>
      <c r="K29" s="164"/>
      <c r="L29" s="164"/>
      <c r="M29" s="164" t="s">
        <v>611</v>
      </c>
      <c r="N29" s="164" t="s">
        <v>611</v>
      </c>
      <c r="O29" s="164"/>
      <c r="P29" s="164"/>
      <c r="Q29" s="164"/>
      <c r="R29" s="164"/>
      <c r="S29" s="164"/>
      <c r="T29" s="164"/>
      <c r="U29" s="164" t="s">
        <v>689</v>
      </c>
      <c r="V29" s="164"/>
      <c r="W29" s="164"/>
      <c r="X29" s="164"/>
    </row>
    <row r="30" spans="1:24">
      <c r="A30" s="164" t="s">
        <v>690</v>
      </c>
      <c r="B30" s="164"/>
      <c r="C30" s="164" t="s">
        <v>673</v>
      </c>
      <c r="D30" s="164"/>
      <c r="E30" s="164" t="s">
        <v>691</v>
      </c>
      <c r="F30" s="164"/>
      <c r="G30" s="164" t="s">
        <v>616</v>
      </c>
      <c r="H30" s="164"/>
      <c r="I30" s="164"/>
      <c r="J30" s="164"/>
      <c r="K30" s="164"/>
      <c r="L30" s="164"/>
      <c r="M30" s="164"/>
      <c r="N30" s="164"/>
      <c r="O30" s="164"/>
      <c r="P30" s="164"/>
      <c r="Q30" s="164"/>
      <c r="R30" s="164"/>
      <c r="S30" s="164"/>
      <c r="T30" s="164"/>
      <c r="U30" s="164"/>
      <c r="V30" s="164"/>
      <c r="W30" s="164"/>
      <c r="X30" s="164"/>
    </row>
    <row r="31" spans="1:24">
      <c r="A31" s="164" t="s">
        <v>692</v>
      </c>
      <c r="B31" s="164"/>
      <c r="C31" s="164" t="s">
        <v>665</v>
      </c>
      <c r="D31" s="164"/>
      <c r="E31" s="164" t="s">
        <v>693</v>
      </c>
      <c r="F31" s="164"/>
      <c r="G31" s="164" t="s">
        <v>621</v>
      </c>
      <c r="H31" s="164"/>
      <c r="I31" s="164"/>
      <c r="J31" s="164"/>
      <c r="K31" s="164"/>
      <c r="L31" s="164"/>
      <c r="M31" s="164"/>
      <c r="N31" s="164"/>
      <c r="O31" s="164"/>
      <c r="P31" s="164"/>
      <c r="Q31" s="164"/>
      <c r="R31" s="164"/>
      <c r="S31" s="164"/>
      <c r="T31" s="164"/>
      <c r="U31" s="164"/>
      <c r="V31" s="164"/>
      <c r="W31" s="164"/>
      <c r="X31" s="164"/>
    </row>
    <row r="32" spans="1:24">
      <c r="A32" s="164" t="s">
        <v>694</v>
      </c>
      <c r="B32" s="164"/>
      <c r="C32" s="164" t="s">
        <v>695</v>
      </c>
      <c r="D32" s="164" t="s">
        <v>695</v>
      </c>
      <c r="E32" s="164" t="s">
        <v>695</v>
      </c>
      <c r="F32" s="164" t="s">
        <v>696</v>
      </c>
      <c r="G32" s="164" t="s">
        <v>385</v>
      </c>
      <c r="H32" s="164" t="s">
        <v>695</v>
      </c>
      <c r="I32" s="164"/>
      <c r="J32" s="164"/>
      <c r="K32" s="164"/>
      <c r="L32" s="164"/>
      <c r="M32" s="164" t="s">
        <v>697</v>
      </c>
      <c r="N32" s="164" t="s">
        <v>697</v>
      </c>
      <c r="O32" s="164" t="s">
        <v>698</v>
      </c>
      <c r="P32" s="164" t="s">
        <v>698</v>
      </c>
      <c r="Q32" s="164"/>
      <c r="R32" s="164"/>
      <c r="S32" s="164"/>
      <c r="T32" s="164"/>
      <c r="U32" s="164" t="s">
        <v>699</v>
      </c>
      <c r="V32" s="164"/>
      <c r="W32" s="164"/>
      <c r="X32" s="164"/>
    </row>
    <row r="33" spans="1:24">
      <c r="A33" s="164" t="s">
        <v>700</v>
      </c>
      <c r="B33" s="164"/>
      <c r="C33" s="164" t="s">
        <v>693</v>
      </c>
      <c r="D33" s="164" t="s">
        <v>693</v>
      </c>
      <c r="E33" s="164"/>
      <c r="F33" s="164" t="s">
        <v>701</v>
      </c>
      <c r="G33" s="164" t="s">
        <v>382</v>
      </c>
      <c r="H33" s="164" t="s">
        <v>693</v>
      </c>
      <c r="I33" s="164"/>
      <c r="J33" s="164"/>
      <c r="K33" s="164"/>
      <c r="L33" s="164"/>
      <c r="M33" s="164" t="s">
        <v>632</v>
      </c>
      <c r="N33" s="164" t="s">
        <v>632</v>
      </c>
      <c r="O33" s="164"/>
      <c r="P33" s="164"/>
      <c r="Q33" s="164"/>
      <c r="R33" s="164"/>
      <c r="S33" s="164"/>
      <c r="T33" s="164"/>
      <c r="U33" s="164"/>
      <c r="V33" s="164"/>
      <c r="W33" s="164"/>
      <c r="X33" s="164"/>
    </row>
    <row r="34" spans="1:24">
      <c r="A34" s="164" t="s">
        <v>702</v>
      </c>
      <c r="B34" s="164"/>
      <c r="C34" s="164" t="s">
        <v>703</v>
      </c>
      <c r="D34" s="164" t="s">
        <v>703</v>
      </c>
      <c r="E34" s="164"/>
      <c r="F34" s="164" t="s">
        <v>704</v>
      </c>
      <c r="G34" s="164" t="s">
        <v>384</v>
      </c>
      <c r="H34" s="164" t="s">
        <v>703</v>
      </c>
      <c r="I34" s="164"/>
      <c r="J34" s="164"/>
      <c r="K34" s="164"/>
      <c r="L34" s="164"/>
      <c r="M34" s="164"/>
      <c r="N34" s="164"/>
      <c r="O34" s="164"/>
      <c r="P34" s="164"/>
      <c r="Q34" s="164"/>
      <c r="R34" s="164"/>
      <c r="S34" s="164"/>
      <c r="T34" s="164"/>
      <c r="U34" s="164"/>
      <c r="V34" s="164"/>
      <c r="W34" s="164"/>
      <c r="X34" s="164"/>
    </row>
    <row r="35" spans="1:24">
      <c r="A35" s="164" t="s">
        <v>705</v>
      </c>
      <c r="B35" s="164"/>
      <c r="C35" s="164" t="s">
        <v>691</v>
      </c>
      <c r="D35" s="164" t="s">
        <v>691</v>
      </c>
      <c r="E35" s="164"/>
      <c r="F35" s="164" t="s">
        <v>706</v>
      </c>
      <c r="G35" s="164" t="s">
        <v>383</v>
      </c>
      <c r="H35" s="164" t="s">
        <v>691</v>
      </c>
      <c r="I35" s="164"/>
      <c r="J35" s="164"/>
      <c r="K35" s="164"/>
      <c r="L35" s="164"/>
      <c r="M35" s="164" t="s">
        <v>642</v>
      </c>
      <c r="N35" s="164" t="s">
        <v>642</v>
      </c>
      <c r="O35" s="164"/>
      <c r="P35" s="164"/>
      <c r="Q35" s="164"/>
      <c r="R35" s="164"/>
      <c r="S35" s="164"/>
      <c r="T35" s="164"/>
      <c r="U35" s="164"/>
      <c r="V35" s="164"/>
      <c r="W35" s="164"/>
      <c r="X35" s="164"/>
    </row>
    <row r="36" spans="1:24">
      <c r="A36" s="165" t="s">
        <v>707</v>
      </c>
      <c r="B36" s="71"/>
      <c r="C36" s="71"/>
      <c r="D36" s="71"/>
      <c r="E36" s="71"/>
      <c r="F36" s="71"/>
      <c r="G36" s="15"/>
      <c r="H36" s="71"/>
      <c r="I36" s="71"/>
      <c r="J36" s="165" t="s">
        <v>708</v>
      </c>
      <c r="K36" s="165"/>
      <c r="L36" s="71"/>
      <c r="M36" s="71"/>
      <c r="N36" s="71"/>
      <c r="O36" s="71"/>
      <c r="P36" s="71"/>
      <c r="Q36" s="71"/>
      <c r="R36" s="71"/>
      <c r="S36" s="71"/>
      <c r="T36" s="71"/>
      <c r="U36" s="71"/>
      <c r="V36" s="71"/>
      <c r="W36" s="71"/>
      <c r="X36" s="71"/>
    </row>
    <row r="37" spans="1:24">
      <c r="A37" s="165" t="s">
        <v>709</v>
      </c>
      <c r="B37" s="71"/>
      <c r="C37" s="71"/>
      <c r="D37" s="71"/>
      <c r="E37" s="71"/>
      <c r="F37" s="71"/>
      <c r="G37" s="15"/>
      <c r="H37" s="71"/>
      <c r="I37" s="71"/>
      <c r="J37" s="165"/>
      <c r="K37" s="165"/>
      <c r="L37" s="71"/>
      <c r="M37" s="71"/>
      <c r="N37" s="71"/>
      <c r="O37" s="71"/>
      <c r="P37" s="71"/>
      <c r="Q37" s="71"/>
      <c r="R37" s="71"/>
      <c r="S37" s="71"/>
      <c r="T37" s="71"/>
      <c r="U37" s="71"/>
      <c r="V37" s="71"/>
      <c r="W37" s="71"/>
      <c r="X37" s="71"/>
    </row>
    <row r="38" spans="1:24">
      <c r="A38" s="165" t="s">
        <v>710</v>
      </c>
      <c r="B38" s="71"/>
      <c r="C38" s="71"/>
      <c r="D38" s="71"/>
      <c r="E38" s="71"/>
      <c r="F38" s="71"/>
      <c r="G38" s="15"/>
      <c r="H38" s="71"/>
      <c r="I38" s="71"/>
      <c r="J38" s="165"/>
      <c r="K38" s="165"/>
      <c r="L38" s="71"/>
      <c r="M38" s="71"/>
      <c r="N38" s="71"/>
      <c r="O38" s="71"/>
      <c r="P38" s="71"/>
      <c r="Q38" s="71"/>
      <c r="R38" s="71"/>
      <c r="S38" s="71"/>
      <c r="T38" s="71"/>
      <c r="U38" s="71"/>
      <c r="V38" s="71"/>
      <c r="W38" s="71"/>
      <c r="X38" s="71"/>
    </row>
    <row r="39" spans="1:24">
      <c r="A39" s="165" t="s">
        <v>711</v>
      </c>
      <c r="B39" s="71"/>
      <c r="C39" s="71"/>
      <c r="D39" s="71"/>
      <c r="E39" s="71"/>
      <c r="F39" s="71"/>
      <c r="G39" s="15"/>
      <c r="H39" s="71"/>
      <c r="I39" s="71"/>
      <c r="J39" s="165" t="s">
        <v>712</v>
      </c>
      <c r="K39" s="165"/>
      <c r="L39" s="71"/>
      <c r="M39" s="71"/>
      <c r="N39" s="71"/>
      <c r="O39" s="71"/>
      <c r="P39" s="71"/>
      <c r="Q39" s="71"/>
      <c r="R39" s="71"/>
      <c r="S39" s="71"/>
      <c r="T39" s="71"/>
      <c r="U39" s="71"/>
      <c r="V39" s="71"/>
      <c r="W39" s="71"/>
      <c r="X39" s="71"/>
    </row>
    <row r="40" spans="1:24">
      <c r="A40" s="165" t="s">
        <v>713</v>
      </c>
      <c r="B40" s="71"/>
      <c r="C40" s="71"/>
      <c r="D40" s="71"/>
      <c r="E40" s="71"/>
      <c r="F40" s="71"/>
      <c r="G40" s="15"/>
      <c r="H40" s="71"/>
      <c r="I40" s="71"/>
      <c r="J40" s="165" t="s">
        <v>714</v>
      </c>
      <c r="K40" s="165"/>
      <c r="L40" s="71"/>
      <c r="M40" s="71"/>
      <c r="N40" s="71"/>
      <c r="O40" s="71"/>
      <c r="P40" s="71"/>
      <c r="Q40" s="71"/>
      <c r="R40" s="71"/>
      <c r="S40" s="71"/>
      <c r="T40" s="71"/>
      <c r="U40" s="71"/>
      <c r="V40" s="71"/>
      <c r="W40" s="71"/>
      <c r="X40" s="71"/>
    </row>
    <row r="41" spans="1:24">
      <c r="A41" s="165" t="s">
        <v>715</v>
      </c>
      <c r="B41" s="71"/>
      <c r="C41" s="71"/>
      <c r="D41" s="71"/>
      <c r="E41" s="71"/>
      <c r="F41" s="71"/>
      <c r="G41" s="15"/>
      <c r="H41" s="71"/>
      <c r="I41" s="71"/>
      <c r="J41" s="165" t="s">
        <v>716</v>
      </c>
      <c r="K41" s="165"/>
      <c r="L41" s="71"/>
      <c r="M41" s="71"/>
      <c r="N41" s="71"/>
      <c r="O41" s="71"/>
      <c r="P41" s="71"/>
      <c r="Q41" s="71"/>
      <c r="R41" s="71"/>
      <c r="S41" s="71"/>
      <c r="T41" s="71"/>
      <c r="U41" s="71"/>
      <c r="V41" s="71"/>
      <c r="W41" s="71"/>
      <c r="X41" s="71"/>
    </row>
    <row r="42" spans="1:24">
      <c r="A42" s="165" t="s">
        <v>717</v>
      </c>
      <c r="B42" s="71"/>
      <c r="C42" s="71"/>
      <c r="D42" s="71"/>
      <c r="E42" s="71"/>
      <c r="F42" s="71"/>
      <c r="G42" s="15"/>
      <c r="H42" s="71"/>
      <c r="I42" s="71"/>
      <c r="J42" s="165"/>
      <c r="K42" s="165"/>
      <c r="L42" s="71"/>
      <c r="M42" s="71"/>
      <c r="N42" s="71"/>
      <c r="O42" s="71"/>
      <c r="P42" s="71"/>
      <c r="Q42" s="71"/>
      <c r="R42" s="71"/>
      <c r="S42" s="71"/>
      <c r="T42" s="71"/>
      <c r="U42" s="71"/>
      <c r="V42" s="71"/>
      <c r="W42" s="71"/>
      <c r="X42" s="71"/>
    </row>
    <row r="43" spans="1:24">
      <c r="A43" s="165" t="s">
        <v>718</v>
      </c>
      <c r="B43" s="71"/>
      <c r="C43" s="71"/>
      <c r="D43" s="71"/>
      <c r="E43" s="71"/>
      <c r="F43" s="71"/>
      <c r="G43" s="15"/>
      <c r="H43" s="71"/>
      <c r="I43" s="71"/>
      <c r="J43" s="165" t="s">
        <v>402</v>
      </c>
      <c r="K43" s="165"/>
      <c r="L43" s="71"/>
      <c r="M43" s="71"/>
      <c r="N43" s="71"/>
      <c r="O43" s="71"/>
      <c r="P43" s="71"/>
      <c r="Q43" s="71"/>
      <c r="R43" s="71"/>
      <c r="S43" s="71"/>
      <c r="T43" s="71"/>
      <c r="U43" s="71"/>
      <c r="V43" s="71"/>
      <c r="W43" s="71"/>
      <c r="X43" s="71"/>
    </row>
    <row r="44" spans="1:24">
      <c r="A44" s="165" t="s">
        <v>719</v>
      </c>
      <c r="B44" s="71"/>
      <c r="C44" s="71"/>
      <c r="D44" s="71"/>
      <c r="E44" s="71"/>
      <c r="F44" s="71"/>
      <c r="G44" s="15"/>
      <c r="H44" s="71"/>
      <c r="I44" s="71"/>
      <c r="J44" s="165"/>
      <c r="K44" s="165"/>
      <c r="L44" s="71"/>
      <c r="M44" s="71"/>
      <c r="N44" s="71"/>
      <c r="O44" s="71"/>
      <c r="P44" s="71"/>
      <c r="Q44" s="71"/>
      <c r="R44" s="71"/>
      <c r="S44" s="71"/>
      <c r="T44" s="71"/>
      <c r="U44" s="71"/>
      <c r="V44" s="71"/>
      <c r="W44" s="71"/>
      <c r="X44" s="71"/>
    </row>
    <row r="45" spans="1:24">
      <c r="A45" s="165" t="s">
        <v>720</v>
      </c>
      <c r="B45" s="71"/>
      <c r="C45" s="71"/>
      <c r="D45" s="71"/>
      <c r="E45" s="71"/>
      <c r="F45" s="71"/>
      <c r="G45" s="15"/>
      <c r="H45" s="71"/>
      <c r="I45" s="71"/>
      <c r="J45" s="165"/>
      <c r="K45" s="165"/>
      <c r="L45" s="71"/>
      <c r="M45" s="71"/>
      <c r="N45" s="71"/>
      <c r="O45" s="71"/>
      <c r="P45" s="71"/>
      <c r="Q45" s="71"/>
      <c r="R45" s="71"/>
      <c r="S45" s="71"/>
      <c r="T45" s="71"/>
      <c r="U45" s="71"/>
      <c r="V45" s="71"/>
      <c r="W45" s="71"/>
      <c r="X45" s="71"/>
    </row>
    <row r="46" spans="1:24">
      <c r="A46" s="165" t="s">
        <v>721</v>
      </c>
      <c r="B46" s="71"/>
      <c r="C46" s="71"/>
      <c r="D46" s="71"/>
      <c r="E46" s="71"/>
      <c r="F46" s="71"/>
      <c r="G46" s="15"/>
      <c r="H46" s="71"/>
      <c r="I46" s="71"/>
      <c r="J46" s="165" t="s">
        <v>722</v>
      </c>
      <c r="K46" s="165"/>
      <c r="L46" s="71"/>
      <c r="M46" s="71"/>
      <c r="N46" s="71"/>
      <c r="O46" s="71"/>
      <c r="P46" s="71"/>
      <c r="Q46" s="71"/>
      <c r="R46" s="71"/>
      <c r="S46" s="71"/>
      <c r="T46" s="71"/>
      <c r="U46" s="71"/>
      <c r="V46" s="71"/>
      <c r="W46" s="71"/>
      <c r="X46" s="71"/>
    </row>
    <row r="47" spans="1:24">
      <c r="A47" s="165" t="s">
        <v>723</v>
      </c>
      <c r="B47" s="71"/>
      <c r="C47" s="71"/>
      <c r="D47" s="71"/>
      <c r="E47" s="71"/>
      <c r="F47" s="71"/>
      <c r="G47" s="15"/>
      <c r="H47" s="71"/>
      <c r="I47" s="71"/>
      <c r="J47" s="165" t="s">
        <v>724</v>
      </c>
      <c r="K47" s="165"/>
      <c r="L47" s="71" t="s">
        <v>623</v>
      </c>
      <c r="M47" s="71"/>
      <c r="N47" s="71"/>
      <c r="O47" s="71"/>
      <c r="P47" s="71"/>
      <c r="Q47" s="71"/>
      <c r="R47" s="71"/>
      <c r="S47" s="71"/>
      <c r="T47" s="71"/>
      <c r="U47" s="71"/>
      <c r="V47" s="71"/>
      <c r="W47" s="71"/>
      <c r="X47" s="71"/>
    </row>
    <row r="48" spans="1:24">
      <c r="A48" s="165" t="s">
        <v>725</v>
      </c>
      <c r="B48" s="71"/>
      <c r="C48" s="71"/>
      <c r="D48" s="71"/>
      <c r="E48" s="71"/>
      <c r="F48" s="71"/>
      <c r="G48" s="15"/>
      <c r="H48" s="71"/>
      <c r="I48" s="71"/>
      <c r="J48" s="165" t="s">
        <v>726</v>
      </c>
      <c r="K48" s="165"/>
      <c r="L48" s="71"/>
      <c r="M48" s="71"/>
      <c r="N48" s="71"/>
      <c r="O48" s="71"/>
      <c r="P48" s="71"/>
      <c r="Q48" s="71"/>
      <c r="R48" s="71"/>
      <c r="S48" s="71"/>
      <c r="T48" s="71"/>
      <c r="U48" s="71"/>
      <c r="V48" s="71"/>
      <c r="W48" s="71"/>
      <c r="X48" s="71"/>
    </row>
    <row r="49" spans="1:24">
      <c r="A49" s="165" t="s">
        <v>727</v>
      </c>
      <c r="B49" s="71"/>
      <c r="C49" s="71"/>
      <c r="D49" s="71"/>
      <c r="E49" s="71"/>
      <c r="F49" s="71"/>
      <c r="G49" s="15"/>
      <c r="H49" s="71"/>
      <c r="I49" s="71"/>
      <c r="J49" s="165" t="s">
        <v>406</v>
      </c>
      <c r="K49" s="165"/>
      <c r="L49" s="71"/>
      <c r="M49" s="71"/>
      <c r="N49" s="71"/>
      <c r="O49" s="71"/>
      <c r="P49" s="71"/>
      <c r="Q49" s="71"/>
      <c r="R49" s="71"/>
      <c r="S49" s="71"/>
      <c r="T49" s="71"/>
      <c r="U49" s="71"/>
      <c r="V49" s="71"/>
      <c r="W49" s="71"/>
      <c r="X49" s="71"/>
    </row>
    <row r="50" spans="1:24" s="165" customFormat="1">
      <c r="A50" s="165" t="s">
        <v>728</v>
      </c>
      <c r="J50" s="165" t="s">
        <v>407</v>
      </c>
    </row>
    <row r="51" spans="1:24" s="165" customFormat="1">
      <c r="A51" s="165" t="s">
        <v>729</v>
      </c>
      <c r="J51" s="165" t="s">
        <v>408</v>
      </c>
    </row>
    <row r="52" spans="1:24">
      <c r="A52" s="70" t="s">
        <v>730</v>
      </c>
      <c r="B52" s="71"/>
      <c r="C52" s="71"/>
      <c r="D52" s="71"/>
      <c r="E52" s="71"/>
      <c r="F52" s="71"/>
      <c r="G52" s="15"/>
      <c r="H52" s="71"/>
      <c r="I52" s="71"/>
      <c r="J52" s="70" t="s">
        <v>380</v>
      </c>
      <c r="K52" s="73"/>
      <c r="L52" s="71"/>
      <c r="M52" s="71"/>
      <c r="N52" s="71"/>
      <c r="O52" s="71"/>
      <c r="P52" s="71"/>
      <c r="Q52" s="71"/>
      <c r="R52" s="71"/>
      <c r="S52" s="71"/>
      <c r="T52" s="71"/>
      <c r="U52" s="71"/>
      <c r="V52" s="71"/>
      <c r="W52" s="71"/>
      <c r="X52" s="71"/>
    </row>
    <row r="53" spans="1:24">
      <c r="A53" s="70" t="s">
        <v>731</v>
      </c>
      <c r="B53" s="71"/>
      <c r="C53" s="71"/>
      <c r="D53" s="71"/>
      <c r="E53" s="71"/>
      <c r="F53" s="71"/>
      <c r="G53" s="15"/>
      <c r="H53" s="71"/>
      <c r="I53" s="71"/>
      <c r="J53" s="70" t="s">
        <v>381</v>
      </c>
      <c r="K53" s="73"/>
      <c r="L53" s="71"/>
      <c r="M53" s="71"/>
      <c r="N53" s="71"/>
      <c r="O53" s="71"/>
      <c r="P53" s="71"/>
      <c r="Q53" s="71"/>
      <c r="R53" s="71"/>
      <c r="S53" s="71"/>
      <c r="T53" s="71"/>
      <c r="U53" s="71"/>
      <c r="V53" s="71"/>
      <c r="W53" s="71"/>
      <c r="X53" s="71"/>
    </row>
    <row r="54" spans="1:24">
      <c r="A54" s="70" t="s">
        <v>732</v>
      </c>
      <c r="B54" s="71"/>
      <c r="C54" s="71"/>
      <c r="D54" s="71"/>
      <c r="E54" s="71"/>
      <c r="F54" s="71"/>
      <c r="G54" s="15"/>
      <c r="H54" s="71"/>
      <c r="I54" s="71"/>
      <c r="J54" s="70" t="s">
        <v>382</v>
      </c>
      <c r="K54" s="73"/>
      <c r="L54" s="71"/>
      <c r="M54" s="71"/>
      <c r="N54" s="71"/>
      <c r="O54" s="71"/>
      <c r="P54" s="71"/>
      <c r="Q54" s="71"/>
      <c r="R54" s="71"/>
      <c r="S54" s="71"/>
      <c r="T54" s="71"/>
      <c r="U54" s="71"/>
      <c r="V54" s="71"/>
      <c r="W54" s="71"/>
      <c r="X54" s="71"/>
    </row>
    <row r="55" spans="1:24">
      <c r="A55" s="70" t="s">
        <v>733</v>
      </c>
      <c r="B55" s="71"/>
      <c r="C55" s="71"/>
      <c r="D55" s="71"/>
      <c r="E55" s="71"/>
      <c r="F55" s="71"/>
      <c r="G55" s="15"/>
      <c r="H55" s="71"/>
      <c r="I55" s="71"/>
      <c r="J55" s="70" t="s">
        <v>383</v>
      </c>
      <c r="K55" s="73"/>
      <c r="L55" s="71"/>
      <c r="M55" s="71"/>
      <c r="N55" s="71"/>
      <c r="O55" s="71"/>
      <c r="P55" s="71"/>
      <c r="Q55" s="71"/>
      <c r="R55" s="71"/>
      <c r="S55" s="71"/>
      <c r="T55" s="71"/>
      <c r="U55" s="71"/>
      <c r="V55" s="71"/>
      <c r="W55" s="71"/>
      <c r="X55" s="71"/>
    </row>
    <row r="56" spans="1:24">
      <c r="A56" s="70" t="s">
        <v>734</v>
      </c>
      <c r="B56" s="71"/>
      <c r="C56" s="71"/>
      <c r="D56" s="71"/>
      <c r="E56" s="71"/>
      <c r="F56" s="71"/>
      <c r="G56" s="15"/>
      <c r="H56" s="71"/>
      <c r="I56" s="71"/>
      <c r="J56" s="70" t="s">
        <v>404</v>
      </c>
      <c r="K56" s="73"/>
      <c r="L56" s="71"/>
      <c r="M56" s="71"/>
      <c r="N56" s="71"/>
      <c r="O56" s="71"/>
      <c r="P56" s="71"/>
      <c r="Q56" s="71"/>
      <c r="R56" s="71"/>
      <c r="S56" s="71"/>
      <c r="T56" s="71"/>
      <c r="U56" s="71"/>
      <c r="V56" s="71"/>
      <c r="W56" s="71"/>
      <c r="X56" s="71"/>
    </row>
    <row r="57" spans="1:24">
      <c r="A57" s="70" t="s">
        <v>735</v>
      </c>
      <c r="B57" s="71"/>
      <c r="C57" s="71"/>
      <c r="D57" s="71"/>
      <c r="E57" s="71"/>
      <c r="F57" s="71"/>
      <c r="G57" s="15"/>
      <c r="H57" s="71"/>
      <c r="I57" s="71"/>
      <c r="J57" s="70"/>
      <c r="K57" s="73"/>
      <c r="L57" s="71"/>
      <c r="M57" s="71"/>
      <c r="N57" s="71"/>
      <c r="O57" s="71"/>
      <c r="P57" s="71"/>
      <c r="Q57" s="71"/>
      <c r="R57" s="71"/>
      <c r="S57" s="71"/>
      <c r="T57" s="71"/>
      <c r="U57" s="71"/>
      <c r="V57" s="71"/>
      <c r="W57" s="71"/>
      <c r="X57" s="71"/>
    </row>
    <row r="58" spans="1:24">
      <c r="A58" s="70" t="s">
        <v>736</v>
      </c>
      <c r="B58" s="71"/>
      <c r="C58" s="71"/>
      <c r="D58" s="71"/>
      <c r="E58" s="71"/>
      <c r="F58" s="71"/>
      <c r="G58" s="15"/>
      <c r="H58" s="71"/>
      <c r="I58" s="71"/>
      <c r="J58" s="70" t="s">
        <v>403</v>
      </c>
      <c r="K58" s="73"/>
      <c r="L58" s="71"/>
      <c r="M58" s="71"/>
      <c r="N58" s="71"/>
      <c r="O58" s="71"/>
      <c r="P58" s="71"/>
      <c r="Q58" s="71"/>
      <c r="R58" s="71"/>
      <c r="S58" s="71"/>
      <c r="T58" s="71"/>
      <c r="U58" s="71"/>
      <c r="V58" s="71"/>
      <c r="W58" s="71"/>
      <c r="X58" s="71"/>
    </row>
    <row r="59" spans="1:24">
      <c r="A59" s="70" t="s">
        <v>737</v>
      </c>
      <c r="B59" s="71"/>
      <c r="C59" s="71"/>
      <c r="D59" s="71"/>
      <c r="E59" s="71"/>
      <c r="F59" s="71"/>
      <c r="G59" s="15"/>
      <c r="H59" s="71"/>
      <c r="I59" s="71"/>
      <c r="J59" s="70" t="s">
        <v>738</v>
      </c>
      <c r="K59" s="73"/>
      <c r="L59" s="71"/>
      <c r="M59" s="71"/>
      <c r="N59" s="71"/>
      <c r="O59" s="71"/>
      <c r="P59" s="71"/>
      <c r="Q59" s="71"/>
      <c r="R59" s="71"/>
      <c r="S59" s="71"/>
      <c r="T59" s="71"/>
      <c r="U59" s="71"/>
      <c r="V59" s="71"/>
      <c r="W59" s="71"/>
      <c r="X59" s="71"/>
    </row>
    <row r="60" spans="1:24">
      <c r="A60" s="70" t="s">
        <v>739</v>
      </c>
      <c r="B60" s="71"/>
      <c r="C60" s="71"/>
      <c r="D60" s="71"/>
      <c r="E60" s="71"/>
      <c r="F60" s="71"/>
      <c r="G60" s="15"/>
      <c r="H60" s="71"/>
      <c r="I60" s="71"/>
      <c r="J60" s="70"/>
      <c r="K60" s="73"/>
      <c r="L60" s="71"/>
      <c r="M60" s="71"/>
      <c r="N60" s="71"/>
      <c r="O60" s="71"/>
      <c r="P60" s="71"/>
      <c r="Q60" s="71"/>
      <c r="R60" s="71"/>
      <c r="S60" s="71"/>
      <c r="T60" s="71"/>
      <c r="U60" s="71"/>
      <c r="V60" s="71"/>
      <c r="W60" s="71"/>
      <c r="X60" s="71"/>
    </row>
    <row r="61" spans="1:24">
      <c r="A61" s="70" t="s">
        <v>740</v>
      </c>
      <c r="B61" s="71"/>
      <c r="C61" s="71"/>
      <c r="D61" s="71"/>
      <c r="E61" s="71"/>
      <c r="F61" s="71"/>
      <c r="G61" s="15"/>
      <c r="H61" s="71"/>
      <c r="I61" s="71"/>
      <c r="J61" s="70"/>
      <c r="K61" s="73"/>
      <c r="L61" s="71"/>
      <c r="M61" s="71"/>
      <c r="N61" s="71"/>
      <c r="O61" s="71"/>
      <c r="P61" s="71"/>
      <c r="Q61" s="71"/>
      <c r="R61" s="71"/>
      <c r="S61" s="71"/>
      <c r="T61" s="71"/>
      <c r="U61" s="71"/>
      <c r="V61" s="71"/>
      <c r="W61" s="71"/>
      <c r="X61" s="71"/>
    </row>
    <row r="62" spans="1:24">
      <c r="A62" s="70" t="s">
        <v>741</v>
      </c>
      <c r="B62" s="71"/>
      <c r="C62" s="71"/>
      <c r="D62" s="71"/>
      <c r="E62" s="71"/>
      <c r="F62" s="71"/>
      <c r="G62" s="15"/>
      <c r="H62" s="71"/>
      <c r="I62" s="71"/>
      <c r="J62" s="70" t="s">
        <v>742</v>
      </c>
      <c r="K62" s="73"/>
      <c r="L62" s="71"/>
      <c r="M62" s="71"/>
      <c r="N62" s="71"/>
      <c r="O62" s="71"/>
      <c r="P62" s="71"/>
      <c r="Q62" s="71"/>
      <c r="R62" s="71"/>
      <c r="S62" s="71"/>
      <c r="T62" s="71"/>
      <c r="U62" s="71"/>
      <c r="V62" s="71"/>
      <c r="W62" s="71"/>
      <c r="X62" s="71"/>
    </row>
    <row r="63" spans="1:24">
      <c r="A63" s="70" t="s">
        <v>743</v>
      </c>
      <c r="B63" s="71"/>
      <c r="C63" s="71"/>
      <c r="D63" s="71"/>
      <c r="E63" s="71"/>
      <c r="F63" s="71"/>
      <c r="G63" s="15"/>
      <c r="H63" s="71"/>
      <c r="I63" s="71"/>
      <c r="J63" s="70" t="s">
        <v>744</v>
      </c>
      <c r="K63" s="73"/>
      <c r="L63" s="71"/>
      <c r="M63" s="71"/>
      <c r="N63" s="71"/>
      <c r="O63" s="71"/>
      <c r="P63" s="71"/>
      <c r="Q63" s="71"/>
      <c r="R63" s="71"/>
      <c r="S63" s="71"/>
      <c r="T63" s="71"/>
      <c r="U63" s="71"/>
      <c r="V63" s="71"/>
      <c r="W63" s="71"/>
      <c r="X63" s="71"/>
    </row>
    <row r="64" spans="1:24">
      <c r="A64" s="70" t="s">
        <v>745</v>
      </c>
      <c r="B64" s="71"/>
      <c r="C64" s="71"/>
      <c r="D64" s="71"/>
      <c r="E64" s="71"/>
      <c r="F64" s="71"/>
      <c r="G64" s="15"/>
      <c r="H64" s="71"/>
      <c r="I64" s="71"/>
      <c r="J64" s="70" t="s">
        <v>401</v>
      </c>
      <c r="K64" s="73"/>
      <c r="L64" s="71"/>
      <c r="M64" s="71"/>
      <c r="N64" s="71"/>
      <c r="O64" s="71"/>
      <c r="P64" s="71"/>
      <c r="Q64" s="71"/>
      <c r="R64" s="71"/>
      <c r="S64" s="71"/>
      <c r="T64" s="71"/>
      <c r="U64" s="71"/>
      <c r="V64" s="71"/>
      <c r="W64" s="71"/>
      <c r="X64" s="71"/>
    </row>
    <row r="65" spans="1:24">
      <c r="A65" s="70" t="s">
        <v>746</v>
      </c>
      <c r="B65" s="71"/>
      <c r="C65" s="71"/>
      <c r="D65" s="71"/>
      <c r="E65" s="71"/>
      <c r="F65" s="71"/>
      <c r="G65" s="15"/>
      <c r="H65" s="71"/>
      <c r="I65" s="71"/>
      <c r="J65" s="70" t="s">
        <v>406</v>
      </c>
      <c r="K65" s="73"/>
      <c r="L65" s="71"/>
      <c r="M65" s="71"/>
      <c r="N65" s="71"/>
      <c r="O65" s="71"/>
      <c r="P65" s="71"/>
      <c r="Q65" s="71"/>
      <c r="R65" s="71"/>
      <c r="S65" s="71"/>
      <c r="T65" s="71"/>
      <c r="U65" s="71"/>
      <c r="V65" s="71"/>
      <c r="W65" s="71"/>
      <c r="X65" s="71"/>
    </row>
    <row r="66" spans="1:24">
      <c r="A66" s="70" t="s">
        <v>747</v>
      </c>
      <c r="B66" s="71"/>
      <c r="C66" s="71"/>
      <c r="D66" s="71"/>
      <c r="E66" s="71"/>
      <c r="F66" s="71"/>
      <c r="G66" s="15"/>
      <c r="H66" s="71"/>
      <c r="I66" s="71"/>
      <c r="J66" s="70" t="s">
        <v>407</v>
      </c>
      <c r="K66" s="73"/>
      <c r="L66" s="71"/>
      <c r="M66" s="71"/>
      <c r="N66" s="71"/>
      <c r="O66" s="71"/>
      <c r="P66" s="71"/>
      <c r="Q66" s="71"/>
      <c r="R66" s="71"/>
      <c r="S66" s="71"/>
      <c r="T66" s="71"/>
      <c r="U66" s="71"/>
      <c r="V66" s="71"/>
      <c r="W66" s="71"/>
      <c r="X66" s="71"/>
    </row>
    <row r="67" spans="1:24">
      <c r="A67" s="70" t="s">
        <v>748</v>
      </c>
      <c r="B67" s="71"/>
      <c r="C67" s="71"/>
      <c r="D67" s="71"/>
      <c r="E67" s="71"/>
      <c r="F67" s="71"/>
      <c r="G67" s="15"/>
      <c r="H67" s="71"/>
      <c r="I67" s="71"/>
      <c r="J67" s="70" t="s">
        <v>408</v>
      </c>
      <c r="K67" s="73"/>
      <c r="L67" s="71"/>
      <c r="M67" s="71"/>
      <c r="N67" s="71"/>
      <c r="O67" s="71"/>
      <c r="P67" s="71"/>
      <c r="Q67" s="71"/>
      <c r="R67" s="71"/>
      <c r="S67" s="71"/>
      <c r="T67" s="71"/>
      <c r="U67" s="71"/>
      <c r="V67" s="71"/>
      <c r="W67" s="71"/>
      <c r="X67" s="71"/>
    </row>
  </sheetData>
  <conditionalFormatting sqref="D10:D17">
    <cfRule type="cellIs" dxfId="340" priority="264" operator="equal">
      <formula>0</formula>
    </cfRule>
  </conditionalFormatting>
  <conditionalFormatting sqref="J4:J17">
    <cfRule type="cellIs" dxfId="339" priority="263" operator="equal">
      <formula>0</formula>
    </cfRule>
  </conditionalFormatting>
  <conditionalFormatting sqref="F4:F5 F10:F16 F2">
    <cfRule type="cellIs" dxfId="338" priority="262" operator="equal">
      <formula>0</formula>
    </cfRule>
  </conditionalFormatting>
  <conditionalFormatting sqref="L4:L17">
    <cfRule type="cellIs" dxfId="337" priority="261" operator="equal">
      <formula>0</formula>
    </cfRule>
  </conditionalFormatting>
  <conditionalFormatting sqref="H10:H16">
    <cfRule type="cellIs" dxfId="336" priority="260" operator="equal">
      <formula>0</formula>
    </cfRule>
  </conditionalFormatting>
  <conditionalFormatting sqref="N4:N17">
    <cfRule type="cellIs" dxfId="335" priority="259" operator="equal">
      <formula>0</formula>
    </cfRule>
  </conditionalFormatting>
  <conditionalFormatting sqref="O2:O17 V2:V5 V8:V9 V14:V16 M4:M9">
    <cfRule type="containsText" dxfId="334" priority="253" operator="containsText" text="UART">
      <formula>NOT(ISERROR(SEARCH("UART",M2)))</formula>
    </cfRule>
    <cfRule type="containsText" dxfId="333" priority="254" operator="containsText" text="GPIO">
      <formula>NOT(ISERROR(SEARCH("GPIO",M2)))</formula>
    </cfRule>
    <cfRule type="containsText" dxfId="332" priority="255" operator="containsText" text="TWI">
      <formula>NOT(ISERROR(SEARCH("TWI",M2)))</formula>
    </cfRule>
    <cfRule type="containsText" dxfId="331" priority="256" operator="containsText" text="PWM">
      <formula>NOT(ISERROR(SEARCH("PWM",M2)))</formula>
    </cfRule>
    <cfRule type="containsText" dxfId="330" priority="257" operator="containsText" text="ADC">
      <formula>NOT(ISERROR(SEARCH("ADC",M2)))</formula>
    </cfRule>
    <cfRule type="containsText" dxfId="329" priority="258" operator="containsText" text="SPI">
      <formula>NOT(ISERROR(SEARCH("SPI",M2)))</formula>
    </cfRule>
  </conditionalFormatting>
  <conditionalFormatting sqref="P2:P17">
    <cfRule type="cellIs" dxfId="328" priority="252" operator="equal">
      <formula>0</formula>
    </cfRule>
  </conditionalFormatting>
  <conditionalFormatting sqref="P8:P17 P2:P5">
    <cfRule type="cellIs" dxfId="327" priority="251" operator="equal">
      <formula>0</formula>
    </cfRule>
  </conditionalFormatting>
  <conditionalFormatting sqref="P6">
    <cfRule type="cellIs" dxfId="326" priority="250" operator="equal">
      <formula>0</formula>
    </cfRule>
  </conditionalFormatting>
  <conditionalFormatting sqref="P7">
    <cfRule type="cellIs" dxfId="325" priority="249" operator="equal">
      <formula>0</formula>
    </cfRule>
  </conditionalFormatting>
  <conditionalFormatting sqref="R2:R17">
    <cfRule type="cellIs" dxfId="324" priority="248" operator="equal">
      <formula>0</formula>
    </cfRule>
  </conditionalFormatting>
  <conditionalFormatting sqref="T14:T16 T2:T5 T8:T9">
    <cfRule type="containsText" dxfId="323" priority="242" operator="containsText" text="UART">
      <formula>NOT(ISERROR(SEARCH("UART",T2)))</formula>
    </cfRule>
    <cfRule type="containsText" dxfId="322" priority="243" operator="containsText" text="GPIO">
      <formula>NOT(ISERROR(SEARCH("GPIO",T2)))</formula>
    </cfRule>
    <cfRule type="containsText" dxfId="321" priority="244" operator="containsText" text="TWI">
      <formula>NOT(ISERROR(SEARCH("TWI",T2)))</formula>
    </cfRule>
    <cfRule type="containsText" dxfId="320" priority="245" operator="containsText" text="PWM">
      <formula>NOT(ISERROR(SEARCH("PWM",T2)))</formula>
    </cfRule>
    <cfRule type="containsText" dxfId="319" priority="246" operator="containsText" text="ADC">
      <formula>NOT(ISERROR(SEARCH("ADC",T2)))</formula>
    </cfRule>
    <cfRule type="containsText" dxfId="318" priority="247" operator="containsText" text="SPI">
      <formula>NOT(ISERROR(SEARCH("SPI",T2)))</formula>
    </cfRule>
  </conditionalFormatting>
  <conditionalFormatting sqref="U10:U11">
    <cfRule type="containsText" dxfId="317" priority="236" operator="containsText" text="UART">
      <formula>NOT(ISERROR(SEARCH("UART",U10)))</formula>
    </cfRule>
    <cfRule type="containsText" dxfId="316" priority="237" operator="containsText" text="GPIO">
      <formula>NOT(ISERROR(SEARCH("GPIO",U10)))</formula>
    </cfRule>
    <cfRule type="containsText" dxfId="315" priority="238" operator="containsText" text="TWI">
      <formula>NOT(ISERROR(SEARCH("TWI",U10)))</formula>
    </cfRule>
    <cfRule type="containsText" dxfId="314" priority="239" operator="containsText" text="PWM">
      <formula>NOT(ISERROR(SEARCH("PWM",U10)))</formula>
    </cfRule>
    <cfRule type="containsText" dxfId="313" priority="240" operator="containsText" text="ADC">
      <formula>NOT(ISERROR(SEARCH("ADC",U10)))</formula>
    </cfRule>
    <cfRule type="containsText" dxfId="312" priority="241" operator="containsText" text="SPI">
      <formula>NOT(ISERROR(SEARCH("SPI",U10)))</formula>
    </cfRule>
  </conditionalFormatting>
  <conditionalFormatting sqref="C10:C17">
    <cfRule type="containsText" dxfId="311" priority="230" operator="containsText" text="UART">
      <formula>NOT(ISERROR(SEARCH("UART",C10)))</formula>
    </cfRule>
    <cfRule type="containsText" dxfId="310" priority="231" operator="containsText" text="GPIO">
      <formula>NOT(ISERROR(SEARCH("GPIO",C10)))</formula>
    </cfRule>
    <cfRule type="containsText" dxfId="309" priority="232" operator="containsText" text="TWI">
      <formula>NOT(ISERROR(SEARCH("TWI",C10)))</formula>
    </cfRule>
    <cfRule type="containsText" dxfId="308" priority="233" operator="containsText" text="PWM">
      <formula>NOT(ISERROR(SEARCH("PWM",C10)))</formula>
    </cfRule>
    <cfRule type="containsText" dxfId="307" priority="234" operator="containsText" text="ADC">
      <formula>NOT(ISERROR(SEARCH("ADC",C10)))</formula>
    </cfRule>
    <cfRule type="containsText" dxfId="306" priority="235" operator="containsText" text="SPI">
      <formula>NOT(ISERROR(SEARCH("SPI",C10)))</formula>
    </cfRule>
  </conditionalFormatting>
  <conditionalFormatting sqref="Q2:Q17">
    <cfRule type="containsText" dxfId="305" priority="224" operator="containsText" text="UART">
      <formula>NOT(ISERROR(SEARCH("UART",Q2)))</formula>
    </cfRule>
    <cfRule type="containsText" dxfId="304" priority="225" operator="containsText" text="GPIO">
      <formula>NOT(ISERROR(SEARCH("GPIO",Q2)))</formula>
    </cfRule>
    <cfRule type="containsText" dxfId="303" priority="226" operator="containsText" text="TWI">
      <formula>NOT(ISERROR(SEARCH("TWI",Q2)))</formula>
    </cfRule>
    <cfRule type="containsText" dxfId="302" priority="227" operator="containsText" text="PWM">
      <formula>NOT(ISERROR(SEARCH("PWM",Q2)))</formula>
    </cfRule>
    <cfRule type="containsText" dxfId="301" priority="228" operator="containsText" text="ADC">
      <formula>NOT(ISERROR(SEARCH("ADC",Q2)))</formula>
    </cfRule>
    <cfRule type="containsText" dxfId="300" priority="229" operator="containsText" text="SPI">
      <formula>NOT(ISERROR(SEARCH("SPI",Q2)))</formula>
    </cfRule>
  </conditionalFormatting>
  <conditionalFormatting sqref="S2:S17">
    <cfRule type="containsText" dxfId="299" priority="218" operator="containsText" text="UART">
      <formula>NOT(ISERROR(SEARCH("UART",S2)))</formula>
    </cfRule>
    <cfRule type="containsText" dxfId="298" priority="219" operator="containsText" text="GPIO">
      <formula>NOT(ISERROR(SEARCH("GPIO",S2)))</formula>
    </cfRule>
    <cfRule type="containsText" dxfId="297" priority="220" operator="containsText" text="TWI">
      <formula>NOT(ISERROR(SEARCH("TWI",S2)))</formula>
    </cfRule>
    <cfRule type="containsText" dxfId="296" priority="221" operator="containsText" text="PWM">
      <formula>NOT(ISERROR(SEARCH("PWM",S2)))</formula>
    </cfRule>
    <cfRule type="containsText" dxfId="295" priority="222" operator="containsText" text="ADC">
      <formula>NOT(ISERROR(SEARCH("ADC",S2)))</formula>
    </cfRule>
    <cfRule type="containsText" dxfId="294" priority="223" operator="containsText" text="SPI">
      <formula>NOT(ISERROR(SEARCH("SPI",S2)))</formula>
    </cfRule>
  </conditionalFormatting>
  <conditionalFormatting sqref="D4:D9 D2">
    <cfRule type="cellIs" dxfId="293" priority="217" operator="equal">
      <formula>0</formula>
    </cfRule>
  </conditionalFormatting>
  <conditionalFormatting sqref="H7:H9">
    <cfRule type="cellIs" dxfId="292" priority="216" operator="equal">
      <formula>0</formula>
    </cfRule>
  </conditionalFormatting>
  <conditionalFormatting sqref="H6">
    <cfRule type="cellIs" dxfId="291" priority="215" operator="equal">
      <formula>0</formula>
    </cfRule>
  </conditionalFormatting>
  <conditionalFormatting sqref="K2">
    <cfRule type="cellIs" dxfId="290" priority="213" operator="equal">
      <formula>0</formula>
    </cfRule>
  </conditionalFormatting>
  <conditionalFormatting sqref="H4:H5">
    <cfRule type="cellIs" dxfId="289" priority="200" operator="equal">
      <formula>0</formula>
    </cfRule>
  </conditionalFormatting>
  <conditionalFormatting sqref="J3">
    <cfRule type="cellIs" dxfId="288" priority="198" operator="equal">
      <formula>0</formula>
    </cfRule>
  </conditionalFormatting>
  <conditionalFormatting sqref="F3">
    <cfRule type="cellIs" dxfId="287" priority="197" operator="equal">
      <formula>0</formula>
    </cfRule>
  </conditionalFormatting>
  <conditionalFormatting sqref="L3">
    <cfRule type="cellIs" dxfId="286" priority="196" operator="equal">
      <formula>0</formula>
    </cfRule>
  </conditionalFormatting>
  <conditionalFormatting sqref="N3">
    <cfRule type="cellIs" dxfId="285" priority="195" operator="equal">
      <formula>0</formula>
    </cfRule>
  </conditionalFormatting>
  <conditionalFormatting sqref="M3">
    <cfRule type="containsText" dxfId="284" priority="189" operator="containsText" text="UART">
      <formula>NOT(ISERROR(SEARCH("UART",M3)))</formula>
    </cfRule>
    <cfRule type="containsText" dxfId="283" priority="190" operator="containsText" text="GPIO">
      <formula>NOT(ISERROR(SEARCH("GPIO",M3)))</formula>
    </cfRule>
    <cfRule type="containsText" dxfId="282" priority="191" operator="containsText" text="TWI">
      <formula>NOT(ISERROR(SEARCH("TWI",M3)))</formula>
    </cfRule>
    <cfRule type="containsText" dxfId="281" priority="192" operator="containsText" text="PWM">
      <formula>NOT(ISERROR(SEARCH("PWM",M3)))</formula>
    </cfRule>
    <cfRule type="containsText" dxfId="280" priority="193" operator="containsText" text="ADC">
      <formula>NOT(ISERROR(SEARCH("ADC",M3)))</formula>
    </cfRule>
    <cfRule type="containsText" dxfId="279" priority="194" operator="containsText" text="SPI">
      <formula>NOT(ISERROR(SEARCH("SPI",M3)))</formula>
    </cfRule>
  </conditionalFormatting>
  <conditionalFormatting sqref="H3">
    <cfRule type="cellIs" dxfId="278" priority="187" operator="equal">
      <formula>0</formula>
    </cfRule>
  </conditionalFormatting>
  <conditionalFormatting sqref="F6:F9">
    <cfRule type="cellIs" dxfId="277" priority="186" operator="equal">
      <formula>0</formula>
    </cfRule>
  </conditionalFormatting>
  <conditionalFormatting sqref="H2">
    <cfRule type="cellIs" dxfId="276" priority="185" operator="equal">
      <formula>0</formula>
    </cfRule>
  </conditionalFormatting>
  <conditionalFormatting sqref="J2">
    <cfRule type="cellIs" dxfId="275" priority="184" operator="equal">
      <formula>0</formula>
    </cfRule>
  </conditionalFormatting>
  <conditionalFormatting sqref="L2">
    <cfRule type="cellIs" dxfId="274" priority="183" operator="equal">
      <formula>0</formula>
    </cfRule>
  </conditionalFormatting>
  <conditionalFormatting sqref="M2">
    <cfRule type="containsText" dxfId="273" priority="177" operator="containsText" text="UART">
      <formula>NOT(ISERROR(SEARCH("UART",M2)))</formula>
    </cfRule>
    <cfRule type="containsText" dxfId="272" priority="178" operator="containsText" text="GPIO">
      <formula>NOT(ISERROR(SEARCH("GPIO",M2)))</formula>
    </cfRule>
    <cfRule type="containsText" dxfId="271" priority="179" operator="containsText" text="TWI">
      <formula>NOT(ISERROR(SEARCH("TWI",M2)))</formula>
    </cfRule>
    <cfRule type="containsText" dxfId="270" priority="180" operator="containsText" text="PWM">
      <formula>NOT(ISERROR(SEARCH("PWM",M2)))</formula>
    </cfRule>
    <cfRule type="containsText" dxfId="269" priority="181" operator="containsText" text="ADC">
      <formula>NOT(ISERROR(SEARCH("ADC",M2)))</formula>
    </cfRule>
    <cfRule type="containsText" dxfId="268" priority="182" operator="containsText" text="SPI">
      <formula>NOT(ISERROR(SEARCH("SPI",M2)))</formula>
    </cfRule>
  </conditionalFormatting>
  <conditionalFormatting sqref="N2">
    <cfRule type="cellIs" dxfId="267" priority="176" operator="equal">
      <formula>0</formula>
    </cfRule>
  </conditionalFormatting>
  <conditionalFormatting sqref="D20:D33">
    <cfRule type="cellIs" dxfId="266" priority="157" operator="equal">
      <formula>0</formula>
    </cfRule>
  </conditionalFormatting>
  <conditionalFormatting sqref="C20:C33 C33:V33">
    <cfRule type="containsText" dxfId="265" priority="167" operator="containsText" text="UART">
      <formula>NOT(ISERROR(SEARCH("UART",C20)))</formula>
    </cfRule>
    <cfRule type="containsText" dxfId="264" priority="168" operator="containsText" text="GPIO">
      <formula>NOT(ISERROR(SEARCH("GPIO",C20)))</formula>
    </cfRule>
    <cfRule type="containsText" dxfId="263" priority="169" operator="containsText" text="TWI">
      <formula>NOT(ISERROR(SEARCH("TWI",C20)))</formula>
    </cfRule>
    <cfRule type="containsText" dxfId="262" priority="170" operator="containsText" text="PWM">
      <formula>NOT(ISERROR(SEARCH("PWM",C20)))</formula>
    </cfRule>
    <cfRule type="containsText" dxfId="261" priority="171" operator="containsText" text="ADC">
      <formula>NOT(ISERROR(SEARCH("ADC",C20)))</formula>
    </cfRule>
    <cfRule type="containsText" dxfId="260" priority="172" operator="containsText" text="SPI">
      <formula>NOT(ISERROR(SEARCH("SPI",C20)))</formula>
    </cfRule>
  </conditionalFormatting>
  <conditionalFormatting sqref="F17 F33">
    <cfRule type="cellIs" dxfId="259" priority="166" operator="equal">
      <formula>0</formula>
    </cfRule>
  </conditionalFormatting>
  <conditionalFormatting sqref="H17 H33">
    <cfRule type="cellIs" dxfId="258" priority="165" operator="equal">
      <formula>0</formula>
    </cfRule>
  </conditionalFormatting>
  <conditionalFormatting sqref="C20:C33 C33:V33">
    <cfRule type="cellIs" dxfId="257" priority="164" operator="equal">
      <formula>0</formula>
    </cfRule>
  </conditionalFormatting>
  <conditionalFormatting sqref="D20:D33">
    <cfRule type="containsText" dxfId="256" priority="158" operator="containsText" text="UART">
      <formula>NOT(ISERROR(SEARCH("UART",D20)))</formula>
    </cfRule>
    <cfRule type="containsText" dxfId="255" priority="159" operator="containsText" text="GPIO">
      <formula>NOT(ISERROR(SEARCH("GPIO",D20)))</formula>
    </cfRule>
    <cfRule type="containsText" dxfId="254" priority="160" operator="containsText" text="TWI">
      <formula>NOT(ISERROR(SEARCH("TWI",D20)))</formula>
    </cfRule>
    <cfRule type="containsText" dxfId="253" priority="161" operator="containsText" text="PWM">
      <formula>NOT(ISERROR(SEARCH("PWM",D20)))</formula>
    </cfRule>
    <cfRule type="containsText" dxfId="252" priority="162" operator="containsText" text="ADC">
      <formula>NOT(ISERROR(SEARCH("ADC",D20)))</formula>
    </cfRule>
    <cfRule type="containsText" dxfId="251" priority="163" operator="containsText" text="SPI">
      <formula>NOT(ISERROR(SEARCH("SPI",D20)))</formula>
    </cfRule>
  </conditionalFormatting>
  <conditionalFormatting sqref="E20:V32">
    <cfRule type="containsText" dxfId="250" priority="151" operator="containsText" text="UART">
      <formula>NOT(ISERROR(SEARCH("UART",E20)))</formula>
    </cfRule>
    <cfRule type="containsText" dxfId="249" priority="152" operator="containsText" text="GPIO">
      <formula>NOT(ISERROR(SEARCH("GPIO",E20)))</formula>
    </cfRule>
    <cfRule type="containsText" dxfId="248" priority="153" operator="containsText" text="TWI">
      <formula>NOT(ISERROR(SEARCH("TWI",E20)))</formula>
    </cfRule>
    <cfRule type="containsText" dxfId="247" priority="154" operator="containsText" text="PWM">
      <formula>NOT(ISERROR(SEARCH("PWM",E20)))</formula>
    </cfRule>
    <cfRule type="containsText" dxfId="246" priority="155" operator="containsText" text="ADC">
      <formula>NOT(ISERROR(SEARCH("ADC",E20)))</formula>
    </cfRule>
    <cfRule type="containsText" dxfId="245" priority="156" operator="containsText" text="SPI">
      <formula>NOT(ISERROR(SEARCH("SPI",E20)))</formula>
    </cfRule>
  </conditionalFormatting>
  <conditionalFormatting sqref="E20:V32">
    <cfRule type="cellIs" dxfId="244" priority="150" operator="equal">
      <formula>0</formula>
    </cfRule>
  </conditionalFormatting>
  <conditionalFormatting sqref="A20:A33">
    <cfRule type="cellIs" dxfId="243" priority="149" operator="equal">
      <formula>0</formula>
    </cfRule>
  </conditionalFormatting>
  <conditionalFormatting sqref="D3">
    <cfRule type="cellIs" dxfId="242" priority="147" operator="equal">
      <formula>0</formula>
    </cfRule>
  </conditionalFormatting>
  <conditionalFormatting sqref="B10:B17">
    <cfRule type="cellIs" dxfId="241" priority="146" operator="equal">
      <formula>0</formula>
    </cfRule>
  </conditionalFormatting>
  <conditionalFormatting sqref="B4:B9 B2">
    <cfRule type="cellIs" dxfId="240" priority="145" operator="equal">
      <formula>0</formula>
    </cfRule>
  </conditionalFormatting>
  <conditionalFormatting sqref="B20:B33">
    <cfRule type="cellIs" dxfId="239" priority="131" operator="equal">
      <formula>0</formula>
    </cfRule>
  </conditionalFormatting>
  <conditionalFormatting sqref="B33">
    <cfRule type="containsText" dxfId="238" priority="139" operator="containsText" text="UART">
      <formula>NOT(ISERROR(SEARCH("UART",B33)))</formula>
    </cfRule>
    <cfRule type="containsText" dxfId="237" priority="140" operator="containsText" text="GPIO">
      <formula>NOT(ISERROR(SEARCH("GPIO",B33)))</formula>
    </cfRule>
    <cfRule type="containsText" dxfId="236" priority="141" operator="containsText" text="TWI">
      <formula>NOT(ISERROR(SEARCH("TWI",B33)))</formula>
    </cfRule>
    <cfRule type="containsText" dxfId="235" priority="142" operator="containsText" text="PWM">
      <formula>NOT(ISERROR(SEARCH("PWM",B33)))</formula>
    </cfRule>
    <cfRule type="containsText" dxfId="234" priority="143" operator="containsText" text="ADC">
      <formula>NOT(ISERROR(SEARCH("ADC",B33)))</formula>
    </cfRule>
    <cfRule type="containsText" dxfId="233" priority="144" operator="containsText" text="SPI">
      <formula>NOT(ISERROR(SEARCH("SPI",B33)))</formula>
    </cfRule>
  </conditionalFormatting>
  <conditionalFormatting sqref="B33">
    <cfRule type="cellIs" dxfId="232" priority="138" operator="equal">
      <formula>0</formula>
    </cfRule>
  </conditionalFormatting>
  <conditionalFormatting sqref="B20:B33">
    <cfRule type="containsText" dxfId="231" priority="132" operator="containsText" text="UART">
      <formula>NOT(ISERROR(SEARCH("UART",B20)))</formula>
    </cfRule>
    <cfRule type="containsText" dxfId="230" priority="133" operator="containsText" text="GPIO">
      <formula>NOT(ISERROR(SEARCH("GPIO",B20)))</formula>
    </cfRule>
    <cfRule type="containsText" dxfId="229" priority="134" operator="containsText" text="TWI">
      <formula>NOT(ISERROR(SEARCH("TWI",B20)))</formula>
    </cfRule>
    <cfRule type="containsText" dxfId="228" priority="135" operator="containsText" text="PWM">
      <formula>NOT(ISERROR(SEARCH("PWM",B20)))</formula>
    </cfRule>
    <cfRule type="containsText" dxfId="227" priority="136" operator="containsText" text="ADC">
      <formula>NOT(ISERROR(SEARCH("ADC",B20)))</formula>
    </cfRule>
    <cfRule type="containsText" dxfId="226" priority="137" operator="containsText" text="SPI">
      <formula>NOT(ISERROR(SEARCH("SPI",B20)))</formula>
    </cfRule>
  </conditionalFormatting>
  <conditionalFormatting sqref="B3">
    <cfRule type="cellIs" dxfId="225" priority="130" operator="equal">
      <formula>0</formula>
    </cfRule>
  </conditionalFormatting>
  <conditionalFormatting sqref="W10:W11">
    <cfRule type="containsText" dxfId="224" priority="124" operator="containsText" text="UART">
      <formula>NOT(ISERROR(SEARCH("UART",W10)))</formula>
    </cfRule>
    <cfRule type="containsText" dxfId="223" priority="125" operator="containsText" text="GPIO">
      <formula>NOT(ISERROR(SEARCH("GPIO",W10)))</formula>
    </cfRule>
    <cfRule type="containsText" dxfId="222" priority="126" operator="containsText" text="TWI">
      <formula>NOT(ISERROR(SEARCH("TWI",W10)))</formula>
    </cfRule>
    <cfRule type="containsText" dxfId="221" priority="127" operator="containsText" text="PWM">
      <formula>NOT(ISERROR(SEARCH("PWM",W10)))</formula>
    </cfRule>
    <cfRule type="containsText" dxfId="220" priority="128" operator="containsText" text="ADC">
      <formula>NOT(ISERROR(SEARCH("ADC",W10)))</formula>
    </cfRule>
    <cfRule type="containsText" dxfId="219" priority="129" operator="containsText" text="SPI">
      <formula>NOT(ISERROR(SEARCH("SPI",W10)))</formula>
    </cfRule>
  </conditionalFormatting>
  <conditionalFormatting sqref="W33">
    <cfRule type="containsText" dxfId="218" priority="118" operator="containsText" text="UART">
      <formula>NOT(ISERROR(SEARCH("UART",W33)))</formula>
    </cfRule>
    <cfRule type="containsText" dxfId="217" priority="119" operator="containsText" text="GPIO">
      <formula>NOT(ISERROR(SEARCH("GPIO",W33)))</formula>
    </cfRule>
    <cfRule type="containsText" dxfId="216" priority="120" operator="containsText" text="TWI">
      <formula>NOT(ISERROR(SEARCH("TWI",W33)))</formula>
    </cfRule>
    <cfRule type="containsText" dxfId="215" priority="121" operator="containsText" text="PWM">
      <formula>NOT(ISERROR(SEARCH("PWM",W33)))</formula>
    </cfRule>
    <cfRule type="containsText" dxfId="214" priority="122" operator="containsText" text="ADC">
      <formula>NOT(ISERROR(SEARCH("ADC",W33)))</formula>
    </cfRule>
    <cfRule type="containsText" dxfId="213" priority="123" operator="containsText" text="SPI">
      <formula>NOT(ISERROR(SEARCH("SPI",W33)))</formula>
    </cfRule>
  </conditionalFormatting>
  <conditionalFormatting sqref="W33">
    <cfRule type="cellIs" dxfId="212" priority="117" operator="equal">
      <formula>0</formula>
    </cfRule>
  </conditionalFormatting>
  <conditionalFormatting sqref="W20:W32">
    <cfRule type="containsText" dxfId="211" priority="111" operator="containsText" text="UART">
      <formula>NOT(ISERROR(SEARCH("UART",W20)))</formula>
    </cfRule>
    <cfRule type="containsText" dxfId="210" priority="112" operator="containsText" text="GPIO">
      <formula>NOT(ISERROR(SEARCH("GPIO",W20)))</formula>
    </cfRule>
    <cfRule type="containsText" dxfId="209" priority="113" operator="containsText" text="TWI">
      <formula>NOT(ISERROR(SEARCH("TWI",W20)))</formula>
    </cfRule>
    <cfRule type="containsText" dxfId="208" priority="114" operator="containsText" text="PWM">
      <formula>NOT(ISERROR(SEARCH("PWM",W20)))</formula>
    </cfRule>
    <cfRule type="containsText" dxfId="207" priority="115" operator="containsText" text="ADC">
      <formula>NOT(ISERROR(SEARCH("ADC",W20)))</formula>
    </cfRule>
    <cfRule type="containsText" dxfId="206" priority="116" operator="containsText" text="SPI">
      <formula>NOT(ISERROR(SEARCH("SPI",W20)))</formula>
    </cfRule>
  </conditionalFormatting>
  <conditionalFormatting sqref="W20:W32">
    <cfRule type="cellIs" dxfId="205" priority="110" operator="equal">
      <formula>0</formula>
    </cfRule>
  </conditionalFormatting>
  <conditionalFormatting sqref="X2:X5 X8:X9 X14:X16">
    <cfRule type="containsText" dxfId="204" priority="104" operator="containsText" text="UART">
      <formula>NOT(ISERROR(SEARCH("UART",X2)))</formula>
    </cfRule>
    <cfRule type="containsText" dxfId="203" priority="105" operator="containsText" text="GPIO">
      <formula>NOT(ISERROR(SEARCH("GPIO",X2)))</formula>
    </cfRule>
    <cfRule type="containsText" dxfId="202" priority="106" operator="containsText" text="TWI">
      <formula>NOT(ISERROR(SEARCH("TWI",X2)))</formula>
    </cfRule>
    <cfRule type="containsText" dxfId="201" priority="107" operator="containsText" text="PWM">
      <formula>NOT(ISERROR(SEARCH("PWM",X2)))</formula>
    </cfRule>
    <cfRule type="containsText" dxfId="200" priority="108" operator="containsText" text="ADC">
      <formula>NOT(ISERROR(SEARCH("ADC",X2)))</formula>
    </cfRule>
    <cfRule type="containsText" dxfId="199" priority="109" operator="containsText" text="SPI">
      <formula>NOT(ISERROR(SEARCH("SPI",X2)))</formula>
    </cfRule>
  </conditionalFormatting>
  <conditionalFormatting sqref="X33">
    <cfRule type="containsText" dxfId="198" priority="98" operator="containsText" text="UART">
      <formula>NOT(ISERROR(SEARCH("UART",X33)))</formula>
    </cfRule>
    <cfRule type="containsText" dxfId="197" priority="99" operator="containsText" text="GPIO">
      <formula>NOT(ISERROR(SEARCH("GPIO",X33)))</formula>
    </cfRule>
    <cfRule type="containsText" dxfId="196" priority="100" operator="containsText" text="TWI">
      <formula>NOT(ISERROR(SEARCH("TWI",X33)))</formula>
    </cfRule>
    <cfRule type="containsText" dxfId="195" priority="101" operator="containsText" text="PWM">
      <formula>NOT(ISERROR(SEARCH("PWM",X33)))</formula>
    </cfRule>
    <cfRule type="containsText" dxfId="194" priority="102" operator="containsText" text="ADC">
      <formula>NOT(ISERROR(SEARCH("ADC",X33)))</formula>
    </cfRule>
    <cfRule type="containsText" dxfId="193" priority="103" operator="containsText" text="SPI">
      <formula>NOT(ISERROR(SEARCH("SPI",X33)))</formula>
    </cfRule>
  </conditionalFormatting>
  <conditionalFormatting sqref="X33">
    <cfRule type="cellIs" dxfId="192" priority="97" operator="equal">
      <formula>0</formula>
    </cfRule>
  </conditionalFormatting>
  <conditionalFormatting sqref="X20:X32">
    <cfRule type="containsText" dxfId="191" priority="91" operator="containsText" text="UART">
      <formula>NOT(ISERROR(SEARCH("UART",X20)))</formula>
    </cfRule>
    <cfRule type="containsText" dxfId="190" priority="92" operator="containsText" text="GPIO">
      <formula>NOT(ISERROR(SEARCH("GPIO",X20)))</formula>
    </cfRule>
    <cfRule type="containsText" dxfId="189" priority="93" operator="containsText" text="TWI">
      <formula>NOT(ISERROR(SEARCH("TWI",X20)))</formula>
    </cfRule>
    <cfRule type="containsText" dxfId="188" priority="94" operator="containsText" text="PWM">
      <formula>NOT(ISERROR(SEARCH("PWM",X20)))</formula>
    </cfRule>
    <cfRule type="containsText" dxfId="187" priority="95" operator="containsText" text="ADC">
      <formula>NOT(ISERROR(SEARCH("ADC",X20)))</formula>
    </cfRule>
    <cfRule type="containsText" dxfId="186" priority="96" operator="containsText" text="SPI">
      <formula>NOT(ISERROR(SEARCH("SPI",X20)))</formula>
    </cfRule>
  </conditionalFormatting>
  <conditionalFormatting sqref="X20:X32">
    <cfRule type="cellIs" dxfId="185" priority="90" operator="equal">
      <formula>0</formula>
    </cfRule>
  </conditionalFormatting>
  <conditionalFormatting sqref="D18:D19">
    <cfRule type="cellIs" dxfId="184" priority="89" operator="equal">
      <formula>0</formula>
    </cfRule>
  </conditionalFormatting>
  <conditionalFormatting sqref="J18:J19">
    <cfRule type="cellIs" dxfId="183" priority="88" operator="equal">
      <formula>0</formula>
    </cfRule>
  </conditionalFormatting>
  <conditionalFormatting sqref="F18:F19">
    <cfRule type="cellIs" dxfId="182" priority="87" operator="equal">
      <formula>0</formula>
    </cfRule>
  </conditionalFormatting>
  <conditionalFormatting sqref="L18:L19">
    <cfRule type="cellIs" dxfId="181" priority="86" operator="equal">
      <formula>0</formula>
    </cfRule>
  </conditionalFormatting>
  <conditionalFormatting sqref="H18:H19">
    <cfRule type="cellIs" dxfId="180" priority="85" operator="equal">
      <formula>0</formula>
    </cfRule>
  </conditionalFormatting>
  <conditionalFormatting sqref="N18:N19">
    <cfRule type="cellIs" dxfId="179" priority="84" operator="equal">
      <formula>0</formula>
    </cfRule>
  </conditionalFormatting>
  <conditionalFormatting sqref="O18:O19 V19">
    <cfRule type="containsText" dxfId="178" priority="78" operator="containsText" text="UART">
      <formula>NOT(ISERROR(SEARCH("UART",O18)))</formula>
    </cfRule>
    <cfRule type="containsText" dxfId="177" priority="79" operator="containsText" text="GPIO">
      <formula>NOT(ISERROR(SEARCH("GPIO",O18)))</formula>
    </cfRule>
    <cfRule type="containsText" dxfId="176" priority="80" operator="containsText" text="TWI">
      <formula>NOT(ISERROR(SEARCH("TWI",O18)))</formula>
    </cfRule>
    <cfRule type="containsText" dxfId="175" priority="81" operator="containsText" text="PWM">
      <formula>NOT(ISERROR(SEARCH("PWM",O18)))</formula>
    </cfRule>
    <cfRule type="containsText" dxfId="174" priority="82" operator="containsText" text="ADC">
      <formula>NOT(ISERROR(SEARCH("ADC",O18)))</formula>
    </cfRule>
    <cfRule type="containsText" dxfId="173" priority="83" operator="containsText" text="SPI">
      <formula>NOT(ISERROR(SEARCH("SPI",O18)))</formula>
    </cfRule>
  </conditionalFormatting>
  <conditionalFormatting sqref="P18:P19">
    <cfRule type="cellIs" dxfId="172" priority="77" operator="equal">
      <formula>0</formula>
    </cfRule>
  </conditionalFormatting>
  <conditionalFormatting sqref="P18:P19">
    <cfRule type="cellIs" dxfId="171" priority="76" operator="equal">
      <formula>0</formula>
    </cfRule>
  </conditionalFormatting>
  <conditionalFormatting sqref="R18:R19">
    <cfRule type="cellIs" dxfId="170" priority="75" operator="equal">
      <formula>0</formula>
    </cfRule>
  </conditionalFormatting>
  <conditionalFormatting sqref="T19">
    <cfRule type="containsText" dxfId="169" priority="69" operator="containsText" text="UART">
      <formula>NOT(ISERROR(SEARCH("UART",T19)))</formula>
    </cfRule>
    <cfRule type="containsText" dxfId="168" priority="70" operator="containsText" text="GPIO">
      <formula>NOT(ISERROR(SEARCH("GPIO",T19)))</formula>
    </cfRule>
    <cfRule type="containsText" dxfId="167" priority="71" operator="containsText" text="TWI">
      <formula>NOT(ISERROR(SEARCH("TWI",T19)))</formula>
    </cfRule>
    <cfRule type="containsText" dxfId="166" priority="72" operator="containsText" text="PWM">
      <formula>NOT(ISERROR(SEARCH("PWM",T19)))</formula>
    </cfRule>
    <cfRule type="containsText" dxfId="165" priority="73" operator="containsText" text="ADC">
      <formula>NOT(ISERROR(SEARCH("ADC",T19)))</formula>
    </cfRule>
    <cfRule type="containsText" dxfId="164" priority="74" operator="containsText" text="SPI">
      <formula>NOT(ISERROR(SEARCH("SPI",T19)))</formula>
    </cfRule>
  </conditionalFormatting>
  <conditionalFormatting sqref="C18:C19">
    <cfRule type="containsText" dxfId="163" priority="63" operator="containsText" text="UART">
      <formula>NOT(ISERROR(SEARCH("UART",C18)))</formula>
    </cfRule>
    <cfRule type="containsText" dxfId="162" priority="64" operator="containsText" text="GPIO">
      <formula>NOT(ISERROR(SEARCH("GPIO",C18)))</formula>
    </cfRule>
    <cfRule type="containsText" dxfId="161" priority="65" operator="containsText" text="TWI">
      <formula>NOT(ISERROR(SEARCH("TWI",C18)))</formula>
    </cfRule>
    <cfRule type="containsText" dxfId="160" priority="66" operator="containsText" text="PWM">
      <formula>NOT(ISERROR(SEARCH("PWM",C18)))</formula>
    </cfRule>
    <cfRule type="containsText" dxfId="159" priority="67" operator="containsText" text="ADC">
      <formula>NOT(ISERROR(SEARCH("ADC",C18)))</formula>
    </cfRule>
    <cfRule type="containsText" dxfId="158" priority="68" operator="containsText" text="SPI">
      <formula>NOT(ISERROR(SEARCH("SPI",C18)))</formula>
    </cfRule>
  </conditionalFormatting>
  <conditionalFormatting sqref="Q18:Q19">
    <cfRule type="containsText" dxfId="157" priority="57" operator="containsText" text="UART">
      <formula>NOT(ISERROR(SEARCH("UART",Q18)))</formula>
    </cfRule>
    <cfRule type="containsText" dxfId="156" priority="58" operator="containsText" text="GPIO">
      <formula>NOT(ISERROR(SEARCH("GPIO",Q18)))</formula>
    </cfRule>
    <cfRule type="containsText" dxfId="155" priority="59" operator="containsText" text="TWI">
      <formula>NOT(ISERROR(SEARCH("TWI",Q18)))</formula>
    </cfRule>
    <cfRule type="containsText" dxfId="154" priority="60" operator="containsText" text="PWM">
      <formula>NOT(ISERROR(SEARCH("PWM",Q18)))</formula>
    </cfRule>
    <cfRule type="containsText" dxfId="153" priority="61" operator="containsText" text="ADC">
      <formula>NOT(ISERROR(SEARCH("ADC",Q18)))</formula>
    </cfRule>
    <cfRule type="containsText" dxfId="152" priority="62" operator="containsText" text="SPI">
      <formula>NOT(ISERROR(SEARCH("SPI",Q18)))</formula>
    </cfRule>
  </conditionalFormatting>
  <conditionalFormatting sqref="S18:S19">
    <cfRule type="containsText" dxfId="151" priority="51" operator="containsText" text="UART">
      <formula>NOT(ISERROR(SEARCH("UART",S18)))</formula>
    </cfRule>
    <cfRule type="containsText" dxfId="150" priority="52" operator="containsText" text="GPIO">
      <formula>NOT(ISERROR(SEARCH("GPIO",S18)))</formula>
    </cfRule>
    <cfRule type="containsText" dxfId="149" priority="53" operator="containsText" text="TWI">
      <formula>NOT(ISERROR(SEARCH("TWI",S18)))</formula>
    </cfRule>
    <cfRule type="containsText" dxfId="148" priority="54" operator="containsText" text="PWM">
      <formula>NOT(ISERROR(SEARCH("PWM",S18)))</formula>
    </cfRule>
    <cfRule type="containsText" dxfId="147" priority="55" operator="containsText" text="ADC">
      <formula>NOT(ISERROR(SEARCH("ADC",S18)))</formula>
    </cfRule>
    <cfRule type="containsText" dxfId="146" priority="56" operator="containsText" text="SPI">
      <formula>NOT(ISERROR(SEARCH("SPI",S18)))</formula>
    </cfRule>
  </conditionalFormatting>
  <conditionalFormatting sqref="B18:B19">
    <cfRule type="cellIs" dxfId="145" priority="50" operator="equal">
      <formula>0</formula>
    </cfRule>
  </conditionalFormatting>
  <conditionalFormatting sqref="X19">
    <cfRule type="containsText" dxfId="144" priority="44" operator="containsText" text="UART">
      <formula>NOT(ISERROR(SEARCH("UART",X19)))</formula>
    </cfRule>
    <cfRule type="containsText" dxfId="143" priority="45" operator="containsText" text="GPIO">
      <formula>NOT(ISERROR(SEARCH("GPIO",X19)))</formula>
    </cfRule>
    <cfRule type="containsText" dxfId="142" priority="46" operator="containsText" text="TWI">
      <formula>NOT(ISERROR(SEARCH("TWI",X19)))</formula>
    </cfRule>
    <cfRule type="containsText" dxfId="141" priority="47" operator="containsText" text="PWM">
      <formula>NOT(ISERROR(SEARCH("PWM",X19)))</formula>
    </cfRule>
    <cfRule type="containsText" dxfId="140" priority="48" operator="containsText" text="ADC">
      <formula>NOT(ISERROR(SEARCH("ADC",X19)))</formula>
    </cfRule>
    <cfRule type="containsText" dxfId="139" priority="49" operator="containsText" text="SPI">
      <formula>NOT(ISERROR(SEARCH("SPI",X19)))</formula>
    </cfRule>
  </conditionalFormatting>
  <conditionalFormatting sqref="D34:D35">
    <cfRule type="cellIs" dxfId="138" priority="30" operator="equal">
      <formula>0</formula>
    </cfRule>
  </conditionalFormatting>
  <conditionalFormatting sqref="C34:C35">
    <cfRule type="containsText" dxfId="137" priority="38" operator="containsText" text="UART">
      <formula>NOT(ISERROR(SEARCH("UART",C34)))</formula>
    </cfRule>
    <cfRule type="containsText" dxfId="136" priority="39" operator="containsText" text="GPIO">
      <formula>NOT(ISERROR(SEARCH("GPIO",C34)))</formula>
    </cfRule>
    <cfRule type="containsText" dxfId="135" priority="40" operator="containsText" text="TWI">
      <formula>NOT(ISERROR(SEARCH("TWI",C34)))</formula>
    </cfRule>
    <cfRule type="containsText" dxfId="134" priority="41" operator="containsText" text="PWM">
      <formula>NOT(ISERROR(SEARCH("PWM",C34)))</formula>
    </cfRule>
    <cfRule type="containsText" dxfId="133" priority="42" operator="containsText" text="ADC">
      <formula>NOT(ISERROR(SEARCH("ADC",C34)))</formula>
    </cfRule>
    <cfRule type="containsText" dxfId="132" priority="43" operator="containsText" text="SPI">
      <formula>NOT(ISERROR(SEARCH("SPI",C34)))</formula>
    </cfRule>
  </conditionalFormatting>
  <conditionalFormatting sqref="C34:C35">
    <cfRule type="cellIs" dxfId="131" priority="37" operator="equal">
      <formula>0</formula>
    </cfRule>
  </conditionalFormatting>
  <conditionalFormatting sqref="D34:D35">
    <cfRule type="containsText" dxfId="130" priority="31" operator="containsText" text="UART">
      <formula>NOT(ISERROR(SEARCH("UART",D34)))</formula>
    </cfRule>
    <cfRule type="containsText" dxfId="129" priority="32" operator="containsText" text="GPIO">
      <formula>NOT(ISERROR(SEARCH("GPIO",D34)))</formula>
    </cfRule>
    <cfRule type="containsText" dxfId="128" priority="33" operator="containsText" text="TWI">
      <formula>NOT(ISERROR(SEARCH("TWI",D34)))</formula>
    </cfRule>
    <cfRule type="containsText" dxfId="127" priority="34" operator="containsText" text="PWM">
      <formula>NOT(ISERROR(SEARCH("PWM",D34)))</formula>
    </cfRule>
    <cfRule type="containsText" dxfId="126" priority="35" operator="containsText" text="ADC">
      <formula>NOT(ISERROR(SEARCH("ADC",D34)))</formula>
    </cfRule>
    <cfRule type="containsText" dxfId="125" priority="36" operator="containsText" text="SPI">
      <formula>NOT(ISERROR(SEARCH("SPI",D34)))</formula>
    </cfRule>
  </conditionalFormatting>
  <conditionalFormatting sqref="E34:V35">
    <cfRule type="containsText" dxfId="124" priority="24" operator="containsText" text="UART">
      <formula>NOT(ISERROR(SEARCH("UART",E34)))</formula>
    </cfRule>
    <cfRule type="containsText" dxfId="123" priority="25" operator="containsText" text="GPIO">
      <formula>NOT(ISERROR(SEARCH("GPIO",E34)))</formula>
    </cfRule>
    <cfRule type="containsText" dxfId="122" priority="26" operator="containsText" text="TWI">
      <formula>NOT(ISERROR(SEARCH("TWI",E34)))</formula>
    </cfRule>
    <cfRule type="containsText" dxfId="121" priority="27" operator="containsText" text="PWM">
      <formula>NOT(ISERROR(SEARCH("PWM",E34)))</formula>
    </cfRule>
    <cfRule type="containsText" dxfId="120" priority="28" operator="containsText" text="ADC">
      <formula>NOT(ISERROR(SEARCH("ADC",E34)))</formula>
    </cfRule>
    <cfRule type="containsText" dxfId="119" priority="29" operator="containsText" text="SPI">
      <formula>NOT(ISERROR(SEARCH("SPI",E34)))</formula>
    </cfRule>
  </conditionalFormatting>
  <conditionalFormatting sqref="E34:V35">
    <cfRule type="cellIs" dxfId="118" priority="23" operator="equal">
      <formula>0</formula>
    </cfRule>
  </conditionalFormatting>
  <conditionalFormatting sqref="A34:A35">
    <cfRule type="cellIs" dxfId="117" priority="22" operator="equal">
      <formula>0</formula>
    </cfRule>
  </conditionalFormatting>
  <conditionalFormatting sqref="B34:B35">
    <cfRule type="cellIs" dxfId="116" priority="15" operator="equal">
      <formula>0</formula>
    </cfRule>
  </conditionalFormatting>
  <conditionalFormatting sqref="B34:B35">
    <cfRule type="containsText" dxfId="115" priority="16" operator="containsText" text="UART">
      <formula>NOT(ISERROR(SEARCH("UART",B34)))</formula>
    </cfRule>
    <cfRule type="containsText" dxfId="114" priority="17" operator="containsText" text="GPIO">
      <formula>NOT(ISERROR(SEARCH("GPIO",B34)))</formula>
    </cfRule>
    <cfRule type="containsText" dxfId="113" priority="18" operator="containsText" text="TWI">
      <formula>NOT(ISERROR(SEARCH("TWI",B34)))</formula>
    </cfRule>
    <cfRule type="containsText" dxfId="112" priority="19" operator="containsText" text="PWM">
      <formula>NOT(ISERROR(SEARCH("PWM",B34)))</formula>
    </cfRule>
    <cfRule type="containsText" dxfId="111" priority="20" operator="containsText" text="ADC">
      <formula>NOT(ISERROR(SEARCH("ADC",B34)))</formula>
    </cfRule>
    <cfRule type="containsText" dxfId="110" priority="21" operator="containsText" text="SPI">
      <formula>NOT(ISERROR(SEARCH("SPI",B34)))</formula>
    </cfRule>
  </conditionalFormatting>
  <conditionalFormatting sqref="W34:W35">
    <cfRule type="containsText" dxfId="109" priority="9" operator="containsText" text="UART">
      <formula>NOT(ISERROR(SEARCH("UART",W34)))</formula>
    </cfRule>
    <cfRule type="containsText" dxfId="108" priority="10" operator="containsText" text="GPIO">
      <formula>NOT(ISERROR(SEARCH("GPIO",W34)))</formula>
    </cfRule>
    <cfRule type="containsText" dxfId="107" priority="11" operator="containsText" text="TWI">
      <formula>NOT(ISERROR(SEARCH("TWI",W34)))</formula>
    </cfRule>
    <cfRule type="containsText" dxfId="106" priority="12" operator="containsText" text="PWM">
      <formula>NOT(ISERROR(SEARCH("PWM",W34)))</formula>
    </cfRule>
    <cfRule type="containsText" dxfId="105" priority="13" operator="containsText" text="ADC">
      <formula>NOT(ISERROR(SEARCH("ADC",W34)))</formula>
    </cfRule>
    <cfRule type="containsText" dxfId="104" priority="14" operator="containsText" text="SPI">
      <formula>NOT(ISERROR(SEARCH("SPI",W34)))</formula>
    </cfRule>
  </conditionalFormatting>
  <conditionalFormatting sqref="W34:W35">
    <cfRule type="cellIs" dxfId="103" priority="8" operator="equal">
      <formula>0</formula>
    </cfRule>
  </conditionalFormatting>
  <conditionalFormatting sqref="X34:X35">
    <cfRule type="containsText" dxfId="102" priority="2" operator="containsText" text="UART">
      <formula>NOT(ISERROR(SEARCH("UART",X34)))</formula>
    </cfRule>
    <cfRule type="containsText" dxfId="101" priority="3" operator="containsText" text="GPIO">
      <formula>NOT(ISERROR(SEARCH("GPIO",X34)))</formula>
    </cfRule>
    <cfRule type="containsText" dxfId="100" priority="4" operator="containsText" text="TWI">
      <formula>NOT(ISERROR(SEARCH("TWI",X34)))</formula>
    </cfRule>
    <cfRule type="containsText" dxfId="99" priority="5" operator="containsText" text="PWM">
      <formula>NOT(ISERROR(SEARCH("PWM",X34)))</formula>
    </cfRule>
    <cfRule type="containsText" dxfId="98" priority="6" operator="containsText" text="ADC">
      <formula>NOT(ISERROR(SEARCH("ADC",X34)))</formula>
    </cfRule>
    <cfRule type="containsText" dxfId="97" priority="7" operator="containsText" text="SPI">
      <formula>NOT(ISERROR(SEARCH("SPI",X34)))</formula>
    </cfRule>
  </conditionalFormatting>
  <conditionalFormatting sqref="X34:X35">
    <cfRule type="cellIs" dxfId="96" priority="1" operator="equal">
      <formula>0</formula>
    </cfRule>
  </conditionalFormatting>
  <pageMargins left="0.7" right="0.7" top="0.75" bottom="0.75" header="0.3" footer="0.3"/>
  <pageSetup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E0D7FE-BB72-40EF-AEC9-2D61ACD02FB8}">
  <dimension ref="A1:M34"/>
  <sheetViews>
    <sheetView zoomScale="85" zoomScaleNormal="85" workbookViewId="0">
      <selection activeCell="E5" sqref="E5"/>
    </sheetView>
  </sheetViews>
  <sheetFormatPr defaultRowHeight="15"/>
  <cols>
    <col min="1" max="1" width="13.140625" style="184" customWidth="1"/>
    <col min="2" max="2" width="25.7109375" style="184" customWidth="1"/>
    <col min="3" max="3" width="17.5703125" style="184" bestFit="1" customWidth="1"/>
    <col min="4" max="4" width="20.85546875" style="184" bestFit="1" customWidth="1"/>
    <col min="5" max="5" width="23.5703125" style="184" customWidth="1"/>
    <col min="6" max="6" width="20.140625" style="184" customWidth="1"/>
    <col min="7" max="7" width="19.5703125" style="184" customWidth="1"/>
    <col min="8" max="8" width="16.140625" style="184" customWidth="1"/>
    <col min="9" max="9" width="20.7109375" style="184" customWidth="1"/>
    <col min="10" max="10" width="17.42578125" style="184" customWidth="1"/>
    <col min="11" max="11" width="17.5703125" style="184" customWidth="1"/>
    <col min="12" max="12" width="20.42578125" style="184" customWidth="1"/>
    <col min="13" max="13" width="20.5703125" style="184" customWidth="1"/>
    <col min="14" max="16384" width="9.140625" style="184"/>
  </cols>
  <sheetData>
    <row r="1" spans="1:13">
      <c r="A1" s="231" t="s">
        <v>875</v>
      </c>
      <c r="B1" s="235" t="s">
        <v>493</v>
      </c>
      <c r="C1" s="236"/>
      <c r="D1" s="233" t="s">
        <v>494</v>
      </c>
      <c r="E1" s="234"/>
      <c r="F1" s="237" t="s">
        <v>495</v>
      </c>
      <c r="G1" s="238"/>
      <c r="H1" s="238"/>
      <c r="I1" s="238"/>
      <c r="J1" s="238"/>
      <c r="K1" s="238"/>
      <c r="L1" s="238"/>
      <c r="M1" s="239"/>
    </row>
    <row r="2" spans="1:13" s="185" customFormat="1" ht="30">
      <c r="A2" s="232"/>
      <c r="B2" s="189" t="s">
        <v>876</v>
      </c>
      <c r="C2" s="191" t="s">
        <v>877</v>
      </c>
      <c r="D2" s="190" t="s">
        <v>878</v>
      </c>
      <c r="E2" s="191" t="s">
        <v>955</v>
      </c>
      <c r="F2" s="190" t="s">
        <v>413</v>
      </c>
      <c r="G2" s="189" t="s">
        <v>414</v>
      </c>
      <c r="H2" s="189" t="s">
        <v>506</v>
      </c>
      <c r="I2" s="189" t="s">
        <v>507</v>
      </c>
      <c r="J2" s="189" t="s">
        <v>508</v>
      </c>
      <c r="K2" s="189" t="s">
        <v>509</v>
      </c>
      <c r="L2" s="189" t="s">
        <v>510</v>
      </c>
      <c r="M2" s="191" t="s">
        <v>451</v>
      </c>
    </row>
    <row r="3" spans="1:13">
      <c r="A3" s="201">
        <v>3</v>
      </c>
      <c r="B3" s="186" t="s">
        <v>879</v>
      </c>
      <c r="C3" s="200">
        <v>11</v>
      </c>
      <c r="D3" s="192" t="s">
        <v>880</v>
      </c>
      <c r="E3" s="193" t="s">
        <v>881</v>
      </c>
      <c r="F3" s="192" t="s">
        <v>520</v>
      </c>
      <c r="G3" s="67" t="s">
        <v>520</v>
      </c>
      <c r="H3" s="186" t="s">
        <v>521</v>
      </c>
      <c r="I3" s="67" t="s">
        <v>522</v>
      </c>
      <c r="J3" s="186" t="s">
        <v>520</v>
      </c>
      <c r="K3" s="67" t="s">
        <v>523</v>
      </c>
      <c r="L3" s="186" t="s">
        <v>524</v>
      </c>
      <c r="M3" s="193" t="s">
        <v>520</v>
      </c>
    </row>
    <row r="4" spans="1:13">
      <c r="A4" s="201">
        <v>4</v>
      </c>
      <c r="B4" s="186" t="s">
        <v>882</v>
      </c>
      <c r="C4" s="200">
        <v>50</v>
      </c>
      <c r="D4" s="192" t="s">
        <v>883</v>
      </c>
      <c r="E4" s="200" t="s">
        <v>884</v>
      </c>
      <c r="F4" s="192" t="s">
        <v>533</v>
      </c>
      <c r="G4" s="67" t="s">
        <v>533</v>
      </c>
      <c r="H4" s="186" t="s">
        <v>534</v>
      </c>
      <c r="I4" s="67" t="s">
        <v>520</v>
      </c>
      <c r="J4" s="186" t="s">
        <v>533</v>
      </c>
      <c r="K4" s="67" t="s">
        <v>535</v>
      </c>
      <c r="L4" s="186" t="s">
        <v>536</v>
      </c>
      <c r="M4" s="193" t="s">
        <v>533</v>
      </c>
    </row>
    <row r="5" spans="1:13">
      <c r="A5" s="201">
        <v>5</v>
      </c>
      <c r="B5" s="186" t="s">
        <v>885</v>
      </c>
      <c r="C5" s="200">
        <v>12</v>
      </c>
      <c r="D5" s="192" t="s">
        <v>886</v>
      </c>
      <c r="E5" s="200" t="s">
        <v>887</v>
      </c>
      <c r="F5" s="192" t="s">
        <v>542</v>
      </c>
      <c r="G5" s="67" t="s">
        <v>542</v>
      </c>
      <c r="H5" s="186" t="s">
        <v>543</v>
      </c>
      <c r="I5" s="67"/>
      <c r="J5" s="186" t="s">
        <v>542</v>
      </c>
      <c r="K5" s="67" t="s">
        <v>519</v>
      </c>
      <c r="L5" s="186" t="s">
        <v>522</v>
      </c>
      <c r="M5" s="193"/>
    </row>
    <row r="6" spans="1:13">
      <c r="A6" s="201">
        <v>6</v>
      </c>
      <c r="B6" s="186" t="s">
        <v>888</v>
      </c>
      <c r="C6" s="200">
        <v>49</v>
      </c>
      <c r="D6" s="192" t="s">
        <v>889</v>
      </c>
      <c r="E6" s="200" t="s">
        <v>890</v>
      </c>
      <c r="F6" s="192" t="s">
        <v>551</v>
      </c>
      <c r="G6" s="67" t="s">
        <v>551</v>
      </c>
      <c r="H6" s="186" t="s">
        <v>552</v>
      </c>
      <c r="I6" s="67"/>
      <c r="J6" s="186" t="s">
        <v>551</v>
      </c>
      <c r="K6" s="67" t="s">
        <v>553</v>
      </c>
      <c r="L6" s="186" t="s">
        <v>554</v>
      </c>
      <c r="M6" s="193"/>
    </row>
    <row r="7" spans="1:13">
      <c r="A7" s="201">
        <v>7</v>
      </c>
      <c r="B7" s="186" t="s">
        <v>891</v>
      </c>
      <c r="C7" s="200">
        <v>45</v>
      </c>
      <c r="D7" s="192" t="s">
        <v>892</v>
      </c>
      <c r="E7" s="200" t="s">
        <v>893</v>
      </c>
      <c r="F7" s="192" t="s">
        <v>562</v>
      </c>
      <c r="G7" s="67" t="s">
        <v>562</v>
      </c>
      <c r="H7" s="186" t="s">
        <v>519</v>
      </c>
      <c r="I7" s="67" t="s">
        <v>563</v>
      </c>
      <c r="J7" s="186"/>
      <c r="K7" s="67" t="s">
        <v>564</v>
      </c>
      <c r="L7" s="186" t="s">
        <v>565</v>
      </c>
      <c r="M7" s="193" t="s">
        <v>566</v>
      </c>
    </row>
    <row r="8" spans="1:13">
      <c r="A8" s="201">
        <v>8</v>
      </c>
      <c r="B8" s="186" t="s">
        <v>894</v>
      </c>
      <c r="C8" s="200">
        <v>46</v>
      </c>
      <c r="D8" s="192" t="s">
        <v>895</v>
      </c>
      <c r="E8" s="200" t="s">
        <v>896</v>
      </c>
      <c r="F8" s="192" t="s">
        <v>573</v>
      </c>
      <c r="G8" s="67" t="s">
        <v>573</v>
      </c>
      <c r="H8" s="186" t="s">
        <v>532</v>
      </c>
      <c r="I8" s="67" t="s">
        <v>562</v>
      </c>
      <c r="J8" s="186"/>
      <c r="K8" s="67" t="s">
        <v>574</v>
      </c>
      <c r="L8" s="186" t="s">
        <v>575</v>
      </c>
      <c r="M8" s="193" t="s">
        <v>576</v>
      </c>
    </row>
    <row r="9" spans="1:13">
      <c r="A9" s="201">
        <v>9</v>
      </c>
      <c r="B9" s="186" t="s">
        <v>897</v>
      </c>
      <c r="C9" s="200">
        <v>13</v>
      </c>
      <c r="D9" s="192" t="s">
        <v>898</v>
      </c>
      <c r="E9" s="200" t="s">
        <v>899</v>
      </c>
      <c r="F9" s="192" t="s">
        <v>585</v>
      </c>
      <c r="G9" s="67" t="s">
        <v>585</v>
      </c>
      <c r="H9" s="186" t="s">
        <v>561</v>
      </c>
      <c r="I9" s="67" t="s">
        <v>586</v>
      </c>
      <c r="J9" s="186" t="s">
        <v>575</v>
      </c>
      <c r="K9" s="67" t="s">
        <v>587</v>
      </c>
      <c r="L9" s="186" t="s">
        <v>551</v>
      </c>
      <c r="M9" s="193" t="s">
        <v>588</v>
      </c>
    </row>
    <row r="10" spans="1:13">
      <c r="A10" s="201">
        <v>10</v>
      </c>
      <c r="B10" s="186" t="s">
        <v>900</v>
      </c>
      <c r="C10" s="200">
        <v>47</v>
      </c>
      <c r="D10" s="192" t="s">
        <v>901</v>
      </c>
      <c r="E10" s="200" t="s">
        <v>902</v>
      </c>
      <c r="F10" s="192" t="s">
        <v>597</v>
      </c>
      <c r="G10" s="67"/>
      <c r="H10" s="186" t="s">
        <v>572</v>
      </c>
      <c r="I10" s="67" t="s">
        <v>585</v>
      </c>
      <c r="J10" s="186" t="s">
        <v>565</v>
      </c>
      <c r="K10" s="67" t="s">
        <v>598</v>
      </c>
      <c r="L10" s="186" t="s">
        <v>542</v>
      </c>
      <c r="M10" s="193" t="s">
        <v>599</v>
      </c>
    </row>
    <row r="11" spans="1:13">
      <c r="A11" s="201">
        <v>11</v>
      </c>
      <c r="B11" s="186" t="s">
        <v>903</v>
      </c>
      <c r="C11" s="200">
        <v>9</v>
      </c>
      <c r="D11" s="192" t="s">
        <v>904</v>
      </c>
      <c r="E11" s="200" t="s">
        <v>905</v>
      </c>
      <c r="F11" s="192" t="s">
        <v>605</v>
      </c>
      <c r="G11" s="67" t="s">
        <v>605</v>
      </c>
      <c r="H11" s="186"/>
      <c r="I11" s="67" t="s">
        <v>605</v>
      </c>
      <c r="J11" s="186"/>
      <c r="K11" s="67" t="s">
        <v>606</v>
      </c>
      <c r="L11" s="186" t="s">
        <v>605</v>
      </c>
      <c r="M11" s="193" t="s">
        <v>605</v>
      </c>
    </row>
    <row r="12" spans="1:13">
      <c r="A12" s="201">
        <v>12</v>
      </c>
      <c r="B12" s="186" t="s">
        <v>906</v>
      </c>
      <c r="C12" s="200">
        <v>10</v>
      </c>
      <c r="D12" s="192" t="s">
        <v>907</v>
      </c>
      <c r="E12" s="200" t="s">
        <v>908</v>
      </c>
      <c r="F12" s="192" t="s">
        <v>612</v>
      </c>
      <c r="G12" s="67" t="s">
        <v>612</v>
      </c>
      <c r="H12" s="186"/>
      <c r="I12" s="67" t="s">
        <v>612</v>
      </c>
      <c r="J12" s="186"/>
      <c r="K12" s="67" t="s">
        <v>532</v>
      </c>
      <c r="L12" s="186" t="s">
        <v>612</v>
      </c>
      <c r="M12" s="193" t="s">
        <v>612</v>
      </c>
    </row>
    <row r="13" spans="1:13">
      <c r="A13" s="201">
        <v>13</v>
      </c>
      <c r="B13" s="186" t="s">
        <v>909</v>
      </c>
      <c r="C13" s="200">
        <v>8</v>
      </c>
      <c r="D13" s="192" t="s">
        <v>910</v>
      </c>
      <c r="E13" s="200" t="s">
        <v>911</v>
      </c>
      <c r="F13" s="192"/>
      <c r="G13" s="67"/>
      <c r="H13" s="186"/>
      <c r="I13" s="67"/>
      <c r="J13" s="186"/>
      <c r="K13" s="67"/>
      <c r="L13" s="186"/>
      <c r="M13" s="193"/>
    </row>
    <row r="14" spans="1:13">
      <c r="A14" s="201">
        <v>14</v>
      </c>
      <c r="B14" s="186" t="s">
        <v>912</v>
      </c>
      <c r="C14" s="200">
        <v>7</v>
      </c>
      <c r="D14" s="192" t="s">
        <v>913</v>
      </c>
      <c r="E14" s="200" t="s">
        <v>914</v>
      </c>
      <c r="F14" s="192"/>
      <c r="G14" s="67"/>
      <c r="H14" s="186"/>
      <c r="I14" s="67"/>
      <c r="J14" s="186"/>
      <c r="K14" s="67"/>
      <c r="L14" s="186"/>
      <c r="M14" s="193"/>
    </row>
    <row r="15" spans="1:13">
      <c r="A15" s="201">
        <v>15</v>
      </c>
      <c r="B15" s="186" t="s">
        <v>915</v>
      </c>
      <c r="C15" s="200">
        <v>14</v>
      </c>
      <c r="D15" s="192" t="s">
        <v>916</v>
      </c>
      <c r="E15" s="200" t="s">
        <v>917</v>
      </c>
      <c r="F15" s="192"/>
      <c r="G15" s="67"/>
      <c r="H15" s="186"/>
      <c r="I15" s="67"/>
      <c r="J15" s="186" t="s">
        <v>554</v>
      </c>
      <c r="K15" s="67" t="s">
        <v>561</v>
      </c>
      <c r="L15" s="186" t="s">
        <v>520</v>
      </c>
      <c r="M15" s="193"/>
    </row>
    <row r="16" spans="1:13">
      <c r="A16" s="201">
        <v>16</v>
      </c>
      <c r="B16" s="186" t="s">
        <v>918</v>
      </c>
      <c r="C16" s="200">
        <v>43</v>
      </c>
      <c r="D16" s="192" t="s">
        <v>919</v>
      </c>
      <c r="E16" s="200" t="s">
        <v>920</v>
      </c>
      <c r="F16" s="192"/>
      <c r="G16" s="67"/>
      <c r="H16" s="186"/>
      <c r="I16" s="67"/>
      <c r="J16" s="186" t="s">
        <v>524</v>
      </c>
      <c r="K16" s="67" t="s">
        <v>572</v>
      </c>
      <c r="L16" s="186" t="s">
        <v>533</v>
      </c>
      <c r="M16" s="193"/>
    </row>
    <row r="17" spans="1:13">
      <c r="A17" s="201">
        <v>17</v>
      </c>
      <c r="B17" s="186" t="s">
        <v>921</v>
      </c>
      <c r="C17" s="200">
        <v>48</v>
      </c>
      <c r="D17" s="192" t="s">
        <v>922</v>
      </c>
      <c r="E17" s="200" t="s">
        <v>923</v>
      </c>
      <c r="F17" s="192"/>
      <c r="G17" s="67"/>
      <c r="H17" s="186"/>
      <c r="I17" s="67"/>
      <c r="J17" s="186" t="s">
        <v>536</v>
      </c>
      <c r="K17" s="67" t="s">
        <v>628</v>
      </c>
      <c r="L17" s="186" t="s">
        <v>638</v>
      </c>
      <c r="M17" s="193"/>
    </row>
    <row r="18" spans="1:13">
      <c r="A18" s="201">
        <v>18</v>
      </c>
      <c r="B18" s="186" t="s">
        <v>924</v>
      </c>
      <c r="C18" s="200">
        <v>44</v>
      </c>
      <c r="D18" s="192" t="s">
        <v>925</v>
      </c>
      <c r="E18" s="200" t="s">
        <v>926</v>
      </c>
      <c r="F18" s="192"/>
      <c r="G18" s="67"/>
      <c r="H18" s="186"/>
      <c r="I18" s="67"/>
      <c r="J18" s="186" t="s">
        <v>644</v>
      </c>
      <c r="K18" s="67" t="s">
        <v>634</v>
      </c>
      <c r="L18" s="186" t="s">
        <v>645</v>
      </c>
      <c r="M18" s="193"/>
    </row>
    <row r="19" spans="1:13" ht="15" customHeight="1">
      <c r="A19" s="202">
        <v>3</v>
      </c>
      <c r="B19" s="188" t="s">
        <v>927</v>
      </c>
      <c r="C19" s="203">
        <v>16</v>
      </c>
      <c r="D19" s="194"/>
      <c r="E19" s="195" t="s">
        <v>928</v>
      </c>
      <c r="F19" s="194" t="s">
        <v>562</v>
      </c>
      <c r="G19" s="187" t="s">
        <v>562</v>
      </c>
      <c r="H19" s="188"/>
      <c r="I19" s="187"/>
      <c r="J19" s="188" t="s">
        <v>599</v>
      </c>
      <c r="K19" s="187"/>
      <c r="L19" s="188"/>
      <c r="M19" s="195" t="s">
        <v>586</v>
      </c>
    </row>
    <row r="20" spans="1:13">
      <c r="A20" s="202">
        <v>4</v>
      </c>
      <c r="B20" s="188" t="s">
        <v>929</v>
      </c>
      <c r="C20" s="203">
        <v>41</v>
      </c>
      <c r="D20" s="194"/>
      <c r="E20" s="195" t="s">
        <v>930</v>
      </c>
      <c r="F20" s="194" t="s">
        <v>586</v>
      </c>
      <c r="G20" s="187" t="s">
        <v>586</v>
      </c>
      <c r="H20" s="188"/>
      <c r="I20" s="187"/>
      <c r="J20" s="188" t="s">
        <v>588</v>
      </c>
      <c r="K20" s="187"/>
      <c r="L20" s="188"/>
      <c r="M20" s="195" t="s">
        <v>562</v>
      </c>
    </row>
    <row r="21" spans="1:13">
      <c r="A21" s="202">
        <v>5</v>
      </c>
      <c r="B21" s="188" t="s">
        <v>931</v>
      </c>
      <c r="C21" s="203">
        <v>17</v>
      </c>
      <c r="D21" s="194"/>
      <c r="E21" s="195" t="s">
        <v>932</v>
      </c>
      <c r="F21" s="194" t="s">
        <v>585</v>
      </c>
      <c r="G21" s="187" t="s">
        <v>585</v>
      </c>
      <c r="H21" s="188"/>
      <c r="I21" s="187"/>
      <c r="J21" s="188" t="s">
        <v>576</v>
      </c>
      <c r="K21" s="187"/>
      <c r="L21" s="188"/>
      <c r="M21" s="195" t="s">
        <v>597</v>
      </c>
    </row>
    <row r="22" spans="1:13">
      <c r="A22" s="202">
        <v>6</v>
      </c>
      <c r="B22" s="188" t="s">
        <v>933</v>
      </c>
      <c r="C22" s="203">
        <v>40</v>
      </c>
      <c r="D22" s="194"/>
      <c r="E22" s="195" t="s">
        <v>934</v>
      </c>
      <c r="F22" s="194" t="s">
        <v>597</v>
      </c>
      <c r="G22" s="187"/>
      <c r="H22" s="188"/>
      <c r="I22" s="187"/>
      <c r="J22" s="188" t="s">
        <v>566</v>
      </c>
      <c r="K22" s="187"/>
      <c r="L22" s="188"/>
      <c r="M22" s="195" t="s">
        <v>585</v>
      </c>
    </row>
    <row r="23" spans="1:13">
      <c r="A23" s="202">
        <v>7</v>
      </c>
      <c r="B23" s="188" t="s">
        <v>935</v>
      </c>
      <c r="C23" s="203">
        <v>18</v>
      </c>
      <c r="D23" s="194"/>
      <c r="E23" s="195" t="s">
        <v>936</v>
      </c>
      <c r="F23" s="194"/>
      <c r="G23" s="187"/>
      <c r="H23" s="188"/>
      <c r="I23" s="187"/>
      <c r="J23" s="188" t="s">
        <v>670</v>
      </c>
      <c r="K23" s="187"/>
      <c r="L23" s="188"/>
      <c r="M23" s="195"/>
    </row>
    <row r="24" spans="1:13">
      <c r="A24" s="202">
        <v>8</v>
      </c>
      <c r="B24" s="188" t="s">
        <v>937</v>
      </c>
      <c r="C24" s="203">
        <v>39</v>
      </c>
      <c r="D24" s="194"/>
      <c r="E24" s="195" t="s">
        <v>938</v>
      </c>
      <c r="F24" s="194"/>
      <c r="G24" s="187"/>
      <c r="H24" s="188"/>
      <c r="I24" s="187"/>
      <c r="J24" s="188" t="s">
        <v>677</v>
      </c>
      <c r="K24" s="187"/>
      <c r="L24" s="188"/>
      <c r="M24" s="195"/>
    </row>
    <row r="25" spans="1:13">
      <c r="A25" s="202">
        <v>9</v>
      </c>
      <c r="B25" s="188" t="s">
        <v>939</v>
      </c>
      <c r="C25" s="203">
        <v>19</v>
      </c>
      <c r="D25" s="194"/>
      <c r="E25" s="195" t="s">
        <v>940</v>
      </c>
      <c r="F25" s="194"/>
      <c r="G25" s="187"/>
      <c r="H25" s="188"/>
      <c r="I25" s="187"/>
      <c r="J25" s="188" t="s">
        <v>681</v>
      </c>
      <c r="K25" s="187"/>
      <c r="L25" s="188"/>
      <c r="M25" s="195"/>
    </row>
    <row r="26" spans="1:13">
      <c r="A26" s="202">
        <v>10</v>
      </c>
      <c r="B26" s="188" t="s">
        <v>941</v>
      </c>
      <c r="C26" s="203">
        <v>38</v>
      </c>
      <c r="D26" s="194"/>
      <c r="E26" s="195" t="s">
        <v>942</v>
      </c>
      <c r="F26" s="194"/>
      <c r="G26" s="187"/>
      <c r="H26" s="188"/>
      <c r="I26" s="187"/>
      <c r="J26" s="188" t="s">
        <v>686</v>
      </c>
      <c r="K26" s="187"/>
      <c r="L26" s="188"/>
      <c r="M26" s="195"/>
    </row>
    <row r="27" spans="1:13">
      <c r="A27" s="202">
        <v>11</v>
      </c>
      <c r="B27" s="188" t="s">
        <v>903</v>
      </c>
      <c r="C27" s="203">
        <v>9</v>
      </c>
      <c r="D27" s="194"/>
      <c r="E27" s="195" t="s">
        <v>905</v>
      </c>
      <c r="F27" s="194"/>
      <c r="G27" s="187"/>
      <c r="H27" s="188"/>
      <c r="I27" s="187"/>
      <c r="J27" s="188"/>
      <c r="K27" s="187"/>
      <c r="L27" s="188"/>
      <c r="M27" s="195"/>
    </row>
    <row r="28" spans="1:13">
      <c r="A28" s="202">
        <v>12</v>
      </c>
      <c r="B28" s="188" t="s">
        <v>906</v>
      </c>
      <c r="C28" s="203">
        <v>10</v>
      </c>
      <c r="D28" s="194"/>
      <c r="E28" s="195" t="s">
        <v>908</v>
      </c>
      <c r="F28" s="194"/>
      <c r="G28" s="187"/>
      <c r="H28" s="188"/>
      <c r="I28" s="187"/>
      <c r="J28" s="188" t="s">
        <v>689</v>
      </c>
      <c r="K28" s="187"/>
      <c r="L28" s="188"/>
      <c r="M28" s="195"/>
    </row>
    <row r="29" spans="1:13">
      <c r="A29" s="202">
        <v>13</v>
      </c>
      <c r="B29" s="188" t="s">
        <v>943</v>
      </c>
      <c r="C29" s="203">
        <v>22</v>
      </c>
      <c r="D29" s="194"/>
      <c r="E29" s="195" t="s">
        <v>944</v>
      </c>
      <c r="F29" s="194"/>
      <c r="G29" s="187"/>
      <c r="H29" s="188"/>
      <c r="I29" s="187"/>
      <c r="J29" s="188"/>
      <c r="K29" s="187"/>
      <c r="L29" s="188"/>
      <c r="M29" s="195"/>
    </row>
    <row r="30" spans="1:13">
      <c r="A30" s="202">
        <v>14</v>
      </c>
      <c r="B30" s="188" t="s">
        <v>945</v>
      </c>
      <c r="C30" s="203">
        <v>35</v>
      </c>
      <c r="D30" s="194"/>
      <c r="E30" s="195" t="s">
        <v>946</v>
      </c>
      <c r="F30" s="194"/>
      <c r="G30" s="187"/>
      <c r="H30" s="188"/>
      <c r="I30" s="187"/>
      <c r="J30" s="188"/>
      <c r="K30" s="187"/>
      <c r="L30" s="188"/>
      <c r="M30" s="195"/>
    </row>
    <row r="31" spans="1:13">
      <c r="A31" s="202">
        <v>15</v>
      </c>
      <c r="B31" s="188" t="s">
        <v>947</v>
      </c>
      <c r="C31" s="203">
        <v>20</v>
      </c>
      <c r="D31" s="194"/>
      <c r="E31" s="195" t="s">
        <v>948</v>
      </c>
      <c r="F31" s="194"/>
      <c r="G31" s="187"/>
      <c r="H31" s="188"/>
      <c r="I31" s="187"/>
      <c r="J31" s="188" t="s">
        <v>699</v>
      </c>
      <c r="K31" s="187"/>
      <c r="L31" s="188"/>
      <c r="M31" s="195"/>
    </row>
    <row r="32" spans="1:13">
      <c r="A32" s="202">
        <v>16</v>
      </c>
      <c r="B32" s="188" t="s">
        <v>949</v>
      </c>
      <c r="C32" s="203">
        <v>37</v>
      </c>
      <c r="D32" s="194"/>
      <c r="E32" s="195" t="s">
        <v>950</v>
      </c>
      <c r="F32" s="194"/>
      <c r="G32" s="187"/>
      <c r="H32" s="188"/>
      <c r="I32" s="187"/>
      <c r="J32" s="188"/>
      <c r="K32" s="187"/>
      <c r="L32" s="188"/>
      <c r="M32" s="195"/>
    </row>
    <row r="33" spans="1:13">
      <c r="A33" s="202">
        <v>17</v>
      </c>
      <c r="B33" s="188" t="s">
        <v>951</v>
      </c>
      <c r="C33" s="203">
        <v>21</v>
      </c>
      <c r="D33" s="194"/>
      <c r="E33" s="195" t="s">
        <v>952</v>
      </c>
      <c r="F33" s="194"/>
      <c r="G33" s="187"/>
      <c r="H33" s="188"/>
      <c r="I33" s="187"/>
      <c r="J33" s="188"/>
      <c r="K33" s="187"/>
      <c r="L33" s="188"/>
      <c r="M33" s="195"/>
    </row>
    <row r="34" spans="1:13" ht="15.75" thickBot="1">
      <c r="A34" s="204">
        <v>18</v>
      </c>
      <c r="B34" s="198" t="s">
        <v>953</v>
      </c>
      <c r="C34" s="205">
        <v>36</v>
      </c>
      <c r="D34" s="196"/>
      <c r="E34" s="199" t="s">
        <v>954</v>
      </c>
      <c r="F34" s="196"/>
      <c r="G34" s="197"/>
      <c r="H34" s="198"/>
      <c r="I34" s="197"/>
      <c r="J34" s="198"/>
      <c r="K34" s="197"/>
      <c r="L34" s="198"/>
      <c r="M34" s="199"/>
    </row>
  </sheetData>
  <mergeCells count="4">
    <mergeCell ref="A1:A2"/>
    <mergeCell ref="D1:E1"/>
    <mergeCell ref="B1:C1"/>
    <mergeCell ref="F1:M1"/>
  </mergeCells>
  <conditionalFormatting sqref="A3:A18">
    <cfRule type="containsText" dxfId="95" priority="91" operator="containsText" text="UART">
      <formula>NOT(ISERROR(SEARCH("UART",A3)))</formula>
    </cfRule>
    <cfRule type="containsText" dxfId="94" priority="92" operator="containsText" text="GPIO">
      <formula>NOT(ISERROR(SEARCH("GPIO",A3)))</formula>
    </cfRule>
    <cfRule type="containsText" dxfId="93" priority="93" operator="containsText" text="TWI">
      <formula>NOT(ISERROR(SEARCH("TWI",A3)))</formula>
    </cfRule>
    <cfRule type="containsText" dxfId="92" priority="94" operator="containsText" text="PWM">
      <formula>NOT(ISERROR(SEARCH("PWM",A3)))</formula>
    </cfRule>
    <cfRule type="containsText" dxfId="91" priority="95" operator="containsText" text="ADC">
      <formula>NOT(ISERROR(SEARCH("ADC",A3)))</formula>
    </cfRule>
    <cfRule type="containsText" dxfId="90" priority="96" operator="containsText" text="SPI">
      <formula>NOT(ISERROR(SEARCH("SPI",A3)))</formula>
    </cfRule>
  </conditionalFormatting>
  <conditionalFormatting sqref="A19:A34">
    <cfRule type="containsText" dxfId="89" priority="85" operator="containsText" text="UART">
      <formula>NOT(ISERROR(SEARCH("UART",A19)))</formula>
    </cfRule>
    <cfRule type="containsText" dxfId="88" priority="86" operator="containsText" text="GPIO">
      <formula>NOT(ISERROR(SEARCH("GPIO",A19)))</formula>
    </cfRule>
    <cfRule type="containsText" dxfId="87" priority="87" operator="containsText" text="TWI">
      <formula>NOT(ISERROR(SEARCH("TWI",A19)))</formula>
    </cfRule>
    <cfRule type="containsText" dxfId="86" priority="88" operator="containsText" text="PWM">
      <formula>NOT(ISERROR(SEARCH("PWM",A19)))</formula>
    </cfRule>
    <cfRule type="containsText" dxfId="85" priority="89" operator="containsText" text="ADC">
      <formula>NOT(ISERROR(SEARCH("ADC",A19)))</formula>
    </cfRule>
    <cfRule type="containsText" dxfId="84" priority="90" operator="containsText" text="SPI">
      <formula>NOT(ISERROR(SEARCH("SPI",A19)))</formula>
    </cfRule>
  </conditionalFormatting>
  <conditionalFormatting sqref="E3">
    <cfRule type="containsText" dxfId="83" priority="79" operator="containsText" text="UART">
      <formula>NOT(ISERROR(SEARCH("UART",E3)))</formula>
    </cfRule>
    <cfRule type="containsText" dxfId="82" priority="80" operator="containsText" text="GPIO">
      <formula>NOT(ISERROR(SEARCH("GPIO",E3)))</formula>
    </cfRule>
    <cfRule type="containsText" dxfId="81" priority="81" operator="containsText" text="TWI">
      <formula>NOT(ISERROR(SEARCH("TWI",E3)))</formula>
    </cfRule>
    <cfRule type="containsText" dxfId="80" priority="82" operator="containsText" text="PWM">
      <formula>NOT(ISERROR(SEARCH("PWM",E3)))</formula>
    </cfRule>
    <cfRule type="containsText" dxfId="79" priority="83" operator="containsText" text="ADC">
      <formula>NOT(ISERROR(SEARCH("ADC",E3)))</formula>
    </cfRule>
    <cfRule type="containsText" dxfId="78" priority="84" operator="containsText" text="SPI">
      <formula>NOT(ISERROR(SEARCH("SPI",E3)))</formula>
    </cfRule>
  </conditionalFormatting>
  <conditionalFormatting sqref="E31:E34">
    <cfRule type="containsText" dxfId="77" priority="73" operator="containsText" text="UART">
      <formula>NOT(ISERROR(SEARCH("UART",E31)))</formula>
    </cfRule>
    <cfRule type="containsText" dxfId="76" priority="74" operator="containsText" text="GPIO">
      <formula>NOT(ISERROR(SEARCH("GPIO",E31)))</formula>
    </cfRule>
    <cfRule type="containsText" dxfId="75" priority="75" operator="containsText" text="TWI">
      <formula>NOT(ISERROR(SEARCH("TWI",E31)))</formula>
    </cfRule>
    <cfRule type="containsText" dxfId="74" priority="76" operator="containsText" text="PWM">
      <formula>NOT(ISERROR(SEARCH("PWM",E31)))</formula>
    </cfRule>
    <cfRule type="containsText" dxfId="73" priority="77" operator="containsText" text="ADC">
      <formula>NOT(ISERROR(SEARCH("ADC",E31)))</formula>
    </cfRule>
    <cfRule type="containsText" dxfId="72" priority="78" operator="containsText" text="SPI">
      <formula>NOT(ISERROR(SEARCH("SPI",E31)))</formula>
    </cfRule>
  </conditionalFormatting>
  <conditionalFormatting sqref="G3:G18">
    <cfRule type="containsText" dxfId="71" priority="67" operator="containsText" text="UART">
      <formula>NOT(ISERROR(SEARCH("UART",G3)))</formula>
    </cfRule>
    <cfRule type="containsText" dxfId="70" priority="68" operator="containsText" text="GPIO">
      <formula>NOT(ISERROR(SEARCH("GPIO",G3)))</formula>
    </cfRule>
    <cfRule type="containsText" dxfId="69" priority="69" operator="containsText" text="TWI">
      <formula>NOT(ISERROR(SEARCH("TWI",G3)))</formula>
    </cfRule>
    <cfRule type="containsText" dxfId="68" priority="70" operator="containsText" text="PWM">
      <formula>NOT(ISERROR(SEARCH("PWM",G3)))</formula>
    </cfRule>
    <cfRule type="containsText" dxfId="67" priority="71" operator="containsText" text="ADC">
      <formula>NOT(ISERROR(SEARCH("ADC",G3)))</formula>
    </cfRule>
    <cfRule type="containsText" dxfId="66" priority="72" operator="containsText" text="SPI">
      <formula>NOT(ISERROR(SEARCH("SPI",G3)))</formula>
    </cfRule>
  </conditionalFormatting>
  <conditionalFormatting sqref="G19:G34">
    <cfRule type="containsText" dxfId="65" priority="61" operator="containsText" text="UART">
      <formula>NOT(ISERROR(SEARCH("UART",G19)))</formula>
    </cfRule>
    <cfRule type="containsText" dxfId="64" priority="62" operator="containsText" text="GPIO">
      <formula>NOT(ISERROR(SEARCH("GPIO",G19)))</formula>
    </cfRule>
    <cfRule type="containsText" dxfId="63" priority="63" operator="containsText" text="TWI">
      <formula>NOT(ISERROR(SEARCH("TWI",G19)))</formula>
    </cfRule>
    <cfRule type="containsText" dxfId="62" priority="64" operator="containsText" text="PWM">
      <formula>NOT(ISERROR(SEARCH("PWM",G19)))</formula>
    </cfRule>
    <cfRule type="containsText" dxfId="61" priority="65" operator="containsText" text="ADC">
      <formula>NOT(ISERROR(SEARCH("ADC",G19)))</formula>
    </cfRule>
    <cfRule type="containsText" dxfId="60" priority="66" operator="containsText" text="SPI">
      <formula>NOT(ISERROR(SEARCH("SPI",G19)))</formula>
    </cfRule>
  </conditionalFormatting>
  <conditionalFormatting sqref="I3:I18">
    <cfRule type="containsText" dxfId="59" priority="55" operator="containsText" text="UART">
      <formula>NOT(ISERROR(SEARCH("UART",I3)))</formula>
    </cfRule>
    <cfRule type="containsText" dxfId="58" priority="56" operator="containsText" text="GPIO">
      <formula>NOT(ISERROR(SEARCH("GPIO",I3)))</formula>
    </cfRule>
    <cfRule type="containsText" dxfId="57" priority="57" operator="containsText" text="TWI">
      <formula>NOT(ISERROR(SEARCH("TWI",I3)))</formula>
    </cfRule>
    <cfRule type="containsText" dxfId="56" priority="58" operator="containsText" text="PWM">
      <formula>NOT(ISERROR(SEARCH("PWM",I3)))</formula>
    </cfRule>
    <cfRule type="containsText" dxfId="55" priority="59" operator="containsText" text="ADC">
      <formula>NOT(ISERROR(SEARCH("ADC",I3)))</formula>
    </cfRule>
    <cfRule type="containsText" dxfId="54" priority="60" operator="containsText" text="SPI">
      <formula>NOT(ISERROR(SEARCH("SPI",I3)))</formula>
    </cfRule>
  </conditionalFormatting>
  <conditionalFormatting sqref="I19:I34">
    <cfRule type="containsText" dxfId="53" priority="49" operator="containsText" text="UART">
      <formula>NOT(ISERROR(SEARCH("UART",I19)))</formula>
    </cfRule>
    <cfRule type="containsText" dxfId="52" priority="50" operator="containsText" text="GPIO">
      <formula>NOT(ISERROR(SEARCH("GPIO",I19)))</formula>
    </cfRule>
    <cfRule type="containsText" dxfId="51" priority="51" operator="containsText" text="TWI">
      <formula>NOT(ISERROR(SEARCH("TWI",I19)))</formula>
    </cfRule>
    <cfRule type="containsText" dxfId="50" priority="52" operator="containsText" text="PWM">
      <formula>NOT(ISERROR(SEARCH("PWM",I19)))</formula>
    </cfRule>
    <cfRule type="containsText" dxfId="49" priority="53" operator="containsText" text="ADC">
      <formula>NOT(ISERROR(SEARCH("ADC",I19)))</formula>
    </cfRule>
    <cfRule type="containsText" dxfId="48" priority="54" operator="containsText" text="SPI">
      <formula>NOT(ISERROR(SEARCH("SPI",I19)))</formula>
    </cfRule>
  </conditionalFormatting>
  <conditionalFormatting sqref="K3:K18">
    <cfRule type="containsText" dxfId="47" priority="43" operator="containsText" text="UART">
      <formula>NOT(ISERROR(SEARCH("UART",K3)))</formula>
    </cfRule>
    <cfRule type="containsText" dxfId="46" priority="44" operator="containsText" text="GPIO">
      <formula>NOT(ISERROR(SEARCH("GPIO",K3)))</formula>
    </cfRule>
    <cfRule type="containsText" dxfId="45" priority="45" operator="containsText" text="TWI">
      <formula>NOT(ISERROR(SEARCH("TWI",K3)))</formula>
    </cfRule>
    <cfRule type="containsText" dxfId="44" priority="46" operator="containsText" text="PWM">
      <formula>NOT(ISERROR(SEARCH("PWM",K3)))</formula>
    </cfRule>
    <cfRule type="containsText" dxfId="43" priority="47" operator="containsText" text="ADC">
      <formula>NOT(ISERROR(SEARCH("ADC",K3)))</formula>
    </cfRule>
    <cfRule type="containsText" dxfId="42" priority="48" operator="containsText" text="SPI">
      <formula>NOT(ISERROR(SEARCH("SPI",K3)))</formula>
    </cfRule>
  </conditionalFormatting>
  <conditionalFormatting sqref="K19:K34">
    <cfRule type="containsText" dxfId="41" priority="37" operator="containsText" text="UART">
      <formula>NOT(ISERROR(SEARCH("UART",K19)))</formula>
    </cfRule>
    <cfRule type="containsText" dxfId="40" priority="38" operator="containsText" text="GPIO">
      <formula>NOT(ISERROR(SEARCH("GPIO",K19)))</formula>
    </cfRule>
    <cfRule type="containsText" dxfId="39" priority="39" operator="containsText" text="TWI">
      <formula>NOT(ISERROR(SEARCH("TWI",K19)))</formula>
    </cfRule>
    <cfRule type="containsText" dxfId="38" priority="40" operator="containsText" text="PWM">
      <formula>NOT(ISERROR(SEARCH("PWM",K19)))</formula>
    </cfRule>
    <cfRule type="containsText" dxfId="37" priority="41" operator="containsText" text="ADC">
      <formula>NOT(ISERROR(SEARCH("ADC",K19)))</formula>
    </cfRule>
    <cfRule type="containsText" dxfId="36" priority="42" operator="containsText" text="SPI">
      <formula>NOT(ISERROR(SEARCH("SPI",K19)))</formula>
    </cfRule>
  </conditionalFormatting>
  <conditionalFormatting sqref="M3:M18">
    <cfRule type="containsText" dxfId="35" priority="31" operator="containsText" text="UART">
      <formula>NOT(ISERROR(SEARCH("UART",M3)))</formula>
    </cfRule>
    <cfRule type="containsText" dxfId="34" priority="32" operator="containsText" text="GPIO">
      <formula>NOT(ISERROR(SEARCH("GPIO",M3)))</formula>
    </cfRule>
    <cfRule type="containsText" dxfId="33" priority="33" operator="containsText" text="TWI">
      <formula>NOT(ISERROR(SEARCH("TWI",M3)))</formula>
    </cfRule>
    <cfRule type="containsText" dxfId="32" priority="34" operator="containsText" text="PWM">
      <formula>NOT(ISERROR(SEARCH("PWM",M3)))</formula>
    </cfRule>
    <cfRule type="containsText" dxfId="31" priority="35" operator="containsText" text="ADC">
      <formula>NOT(ISERROR(SEARCH("ADC",M3)))</formula>
    </cfRule>
    <cfRule type="containsText" dxfId="30" priority="36" operator="containsText" text="SPI">
      <formula>NOT(ISERROR(SEARCH("SPI",M3)))</formula>
    </cfRule>
  </conditionalFormatting>
  <conditionalFormatting sqref="M23:M34">
    <cfRule type="containsText" dxfId="29" priority="25" operator="containsText" text="UART">
      <formula>NOT(ISERROR(SEARCH("UART",M23)))</formula>
    </cfRule>
    <cfRule type="containsText" dxfId="28" priority="26" operator="containsText" text="GPIO">
      <formula>NOT(ISERROR(SEARCH("GPIO",M23)))</formula>
    </cfRule>
    <cfRule type="containsText" dxfId="27" priority="27" operator="containsText" text="TWI">
      <formula>NOT(ISERROR(SEARCH("TWI",M23)))</formula>
    </cfRule>
    <cfRule type="containsText" dxfId="26" priority="28" operator="containsText" text="PWM">
      <formula>NOT(ISERROR(SEARCH("PWM",M23)))</formula>
    </cfRule>
    <cfRule type="containsText" dxfId="25" priority="29" operator="containsText" text="ADC">
      <formula>NOT(ISERROR(SEARCH("ADC",M23)))</formula>
    </cfRule>
    <cfRule type="containsText" dxfId="24" priority="30" operator="containsText" text="SPI">
      <formula>NOT(ISERROR(SEARCH("SPI",M23)))</formula>
    </cfRule>
  </conditionalFormatting>
  <conditionalFormatting sqref="M20">
    <cfRule type="containsText" dxfId="23" priority="19" operator="containsText" text="UART">
      <formula>NOT(ISERROR(SEARCH("UART",M20)))</formula>
    </cfRule>
    <cfRule type="containsText" dxfId="22" priority="20" operator="containsText" text="GPIO">
      <formula>NOT(ISERROR(SEARCH("GPIO",M20)))</formula>
    </cfRule>
    <cfRule type="containsText" dxfId="21" priority="21" operator="containsText" text="TWI">
      <formula>NOT(ISERROR(SEARCH("TWI",M20)))</formula>
    </cfRule>
    <cfRule type="containsText" dxfId="20" priority="22" operator="containsText" text="PWM">
      <formula>NOT(ISERROR(SEARCH("PWM",M20)))</formula>
    </cfRule>
    <cfRule type="containsText" dxfId="19" priority="23" operator="containsText" text="ADC">
      <formula>NOT(ISERROR(SEARCH("ADC",M20)))</formula>
    </cfRule>
    <cfRule type="containsText" dxfId="18" priority="24" operator="containsText" text="SPI">
      <formula>NOT(ISERROR(SEARCH("SPI",M20)))</formula>
    </cfRule>
  </conditionalFormatting>
  <conditionalFormatting sqref="M19">
    <cfRule type="containsText" dxfId="17" priority="13" operator="containsText" text="UART">
      <formula>NOT(ISERROR(SEARCH("UART",M19)))</formula>
    </cfRule>
    <cfRule type="containsText" dxfId="16" priority="14" operator="containsText" text="GPIO">
      <formula>NOT(ISERROR(SEARCH("GPIO",M19)))</formula>
    </cfRule>
    <cfRule type="containsText" dxfId="15" priority="15" operator="containsText" text="TWI">
      <formula>NOT(ISERROR(SEARCH("TWI",M19)))</formula>
    </cfRule>
    <cfRule type="containsText" dxfId="14" priority="16" operator="containsText" text="PWM">
      <formula>NOT(ISERROR(SEARCH("PWM",M19)))</formula>
    </cfRule>
    <cfRule type="containsText" dxfId="13" priority="17" operator="containsText" text="ADC">
      <formula>NOT(ISERROR(SEARCH("ADC",M19)))</formula>
    </cfRule>
    <cfRule type="containsText" dxfId="12" priority="18" operator="containsText" text="SPI">
      <formula>NOT(ISERROR(SEARCH("SPI",M19)))</formula>
    </cfRule>
  </conditionalFormatting>
  <conditionalFormatting sqref="M21:M22">
    <cfRule type="containsText" dxfId="11" priority="7" operator="containsText" text="UART">
      <formula>NOT(ISERROR(SEARCH("UART",M21)))</formula>
    </cfRule>
    <cfRule type="containsText" dxfId="10" priority="8" operator="containsText" text="GPIO">
      <formula>NOT(ISERROR(SEARCH("GPIO",M21)))</formula>
    </cfRule>
    <cfRule type="containsText" dxfId="9" priority="9" operator="containsText" text="TWI">
      <formula>NOT(ISERROR(SEARCH("TWI",M21)))</formula>
    </cfRule>
    <cfRule type="containsText" dxfId="8" priority="10" operator="containsText" text="PWM">
      <formula>NOT(ISERROR(SEARCH("PWM",M21)))</formula>
    </cfRule>
    <cfRule type="containsText" dxfId="7" priority="11" operator="containsText" text="ADC">
      <formula>NOT(ISERROR(SEARCH("ADC",M21)))</formula>
    </cfRule>
    <cfRule type="containsText" dxfId="6" priority="12" operator="containsText" text="SPI">
      <formula>NOT(ISERROR(SEARCH("SPI",M21)))</formula>
    </cfRule>
  </conditionalFormatting>
  <conditionalFormatting sqref="E19:E30">
    <cfRule type="containsText" dxfId="5" priority="1" operator="containsText" text="UART">
      <formula>NOT(ISERROR(SEARCH("UART",E19)))</formula>
    </cfRule>
    <cfRule type="containsText" dxfId="4" priority="2" operator="containsText" text="GPIO">
      <formula>NOT(ISERROR(SEARCH("GPIO",E19)))</formula>
    </cfRule>
    <cfRule type="containsText" dxfId="3" priority="3" operator="containsText" text="TWI">
      <formula>NOT(ISERROR(SEARCH("TWI",E19)))</formula>
    </cfRule>
    <cfRule type="containsText" dxfId="2" priority="4" operator="containsText" text="PWM">
      <formula>NOT(ISERROR(SEARCH("PWM",E19)))</formula>
    </cfRule>
    <cfRule type="containsText" dxfId="1" priority="5" operator="containsText" text="ADC">
      <formula>NOT(ISERROR(SEARCH("ADC",E19)))</formula>
    </cfRule>
    <cfRule type="containsText" dxfId="0" priority="6" operator="containsText" text="SPI">
      <formula>NOT(ISERROR(SEARCH("SPI",E19)))</formula>
    </cfRule>
  </conditionalFormatting>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7445847D4E058643964C99EFFFE1069F" ma:contentTypeVersion="11" ma:contentTypeDescription="Create a new document." ma:contentTypeScope="" ma:versionID="e0a0bbc322afad18e126cafe356bcfe0">
  <xsd:schema xmlns:xsd="http://www.w3.org/2001/XMLSchema" xmlns:xs="http://www.w3.org/2001/XMLSchema" xmlns:p="http://schemas.microsoft.com/office/2006/metadata/properties" xmlns:ns3="46b24935-ab0b-44d9-88e0-088b8e6390ec" xmlns:ns4="03d98421-b11d-452a-a7ad-52791a382f73" targetNamespace="http://schemas.microsoft.com/office/2006/metadata/properties" ma:root="true" ma:fieldsID="b439bfa31aa8e3edefa407efb9b7ce5e" ns3:_="" ns4:_="">
    <xsd:import namespace="46b24935-ab0b-44d9-88e0-088b8e6390ec"/>
    <xsd:import namespace="03d98421-b11d-452a-a7ad-52791a382f73"/>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Tags" minOccurs="0"/>
                <xsd:element ref="ns4:MediaServiceOCR" minOccurs="0"/>
                <xsd:element ref="ns4:MediaServiceDateTaken" minOccurs="0"/>
                <xsd:element ref="ns4:MediaServiceLocation"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6b24935-ab0b-44d9-88e0-088b8e6390ec"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03d98421-b11d-452a-a7ad-52791a382f73"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Location" ma:index="16" nillable="true" ma:displayName="Location" ma:internalName="MediaServiceLocatio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9A4252B8-CA7A-406A-B796-489A6618E861}">
  <ds:schemaRefs>
    <ds:schemaRef ds:uri="http://schemas.microsoft.com/sharepoint/v3/contenttype/forms"/>
  </ds:schemaRefs>
</ds:datastoreItem>
</file>

<file path=customXml/itemProps2.xml><?xml version="1.0" encoding="utf-8"?>
<ds:datastoreItem xmlns:ds="http://schemas.openxmlformats.org/officeDocument/2006/customXml" ds:itemID="{CEE3E0CD-BB10-4089-A20E-572C2508EF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6b24935-ab0b-44d9-88e0-088b8e6390ec"/>
    <ds:schemaRef ds:uri="03d98421-b11d-452a-a7ad-52791a382f7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702A42A-F102-4B38-A729-7468A9938758}">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3</vt:i4>
      </vt:variant>
    </vt:vector>
  </HeadingPairs>
  <TitlesOfParts>
    <vt:vector size="23" baseType="lpstr">
      <vt:lpstr>Introduction</vt:lpstr>
      <vt:lpstr>QTouch-Start-Supported-Devices</vt:lpstr>
      <vt:lpstr>Sheet4</vt:lpstr>
      <vt:lpstr>PTC Information</vt:lpstr>
      <vt:lpstr>Device Pin Capacitance</vt:lpstr>
      <vt:lpstr>QTouch Kits</vt:lpstr>
      <vt:lpstr>KitExampleProjects</vt:lpstr>
      <vt:lpstr>QTx-XPRO Pin Compatibility</vt:lpstr>
      <vt:lpstr>CNANO-Xpro Pin Compatibility</vt:lpstr>
      <vt:lpstr>Modules Change Log</vt:lpstr>
      <vt:lpstr>Rel 7.4 Modules Information</vt:lpstr>
      <vt:lpstr>Rel 7.3 Modules Information</vt:lpstr>
      <vt:lpstr>Rel 7.2 Modules Information</vt:lpstr>
      <vt:lpstr>Rel 7.1 Modules Information</vt:lpstr>
      <vt:lpstr>Rel 7.0 Modules Information</vt:lpstr>
      <vt:lpstr>Rel 6.5 Modules Information</vt:lpstr>
      <vt:lpstr>Rel 6.4 Modules Information</vt:lpstr>
      <vt:lpstr>Rel 6.3 Modules Information</vt:lpstr>
      <vt:lpstr>Rel 6.2 Modules Information</vt:lpstr>
      <vt:lpstr>Rel 6.1 Modules Information</vt:lpstr>
      <vt:lpstr>Rel 6.0 Modules Information</vt:lpstr>
      <vt:lpstr>Rel 5.1 Modules Information</vt:lpstr>
      <vt:lpstr>Rel 5.0 Modules Information</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bramanian, Ramaprasad</dc:creator>
  <cp:keywords/>
  <dc:description/>
  <cp:lastModifiedBy>Kamalakannan Manivasagam - I41681</cp:lastModifiedBy>
  <cp:revision/>
  <dcterms:created xsi:type="dcterms:W3CDTF">2017-05-23T05:27:00Z</dcterms:created>
  <dcterms:modified xsi:type="dcterms:W3CDTF">2020-09-02T12:08:2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445847D4E058643964C99EFFFE1069F</vt:lpwstr>
  </property>
</Properties>
</file>